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mc:AlternateContent xmlns:mc="http://schemas.openxmlformats.org/markup-compatibility/2006">
    <mc:Choice Requires="x15">
      <x15ac:absPath xmlns:x15ac="http://schemas.microsoft.com/office/spreadsheetml/2010/11/ac" url="J:\s1\15総務\40広報広聴\10諸務\03育さぽとやま管理\R7\R80331 新年度様式の掲載について\令和８年度各種様式\"/>
    </mc:Choice>
  </mc:AlternateContent>
  <xr:revisionPtr revIDLastSave="0" documentId="13_ncr:1_{351F0C1F-B97E-4426-832A-300F036E349C}" xr6:coauthVersionLast="47" xr6:coauthVersionMax="47" xr10:uidLastSave="{00000000-0000-0000-0000-000000000000}"/>
  <bookViews>
    <workbookView xWindow="1980" yWindow="555" windowWidth="26850" windowHeight="14790" xr2:uid="{00000000-000D-0000-FFFF-FFFF00000000}"/>
  </bookViews>
  <sheets>
    <sheet name="様式 " sheetId="6" r:id="rId1"/>
    <sheet name="プルダウンリスト" sheetId="5" r:id="rId2"/>
  </sheets>
  <definedNames>
    <definedName name="H.">#REF!</definedName>
    <definedName name="_xlnm.Print_Area" localSheetId="0">'様式 '!$A$1:$V$157</definedName>
    <definedName name="R.">#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73" i="6" l="1"/>
  <c r="V10" i="6"/>
  <c r="S10" i="6"/>
</calcChain>
</file>

<file path=xl/sharedStrings.xml><?xml version="1.0" encoding="utf-8"?>
<sst xmlns="http://schemas.openxmlformats.org/spreadsheetml/2006/main" count="112" uniqueCount="85">
  <si>
    <t>年号</t>
    <rPh sb="0" eb="2">
      <t>ネンゴウ</t>
    </rPh>
    <phoneticPr fontId="1"/>
  </si>
  <si>
    <t>添付書類の例</t>
    <rPh sb="0" eb="4">
      <t>テンプショルイ</t>
    </rPh>
    <rPh sb="5" eb="6">
      <t>レイ</t>
    </rPh>
    <phoneticPr fontId="1"/>
  </si>
  <si>
    <t>児童名</t>
    <rPh sb="0" eb="2">
      <t>ジドウ</t>
    </rPh>
    <rPh sb="2" eb="3">
      <t>メイ</t>
    </rPh>
    <phoneticPr fontId="1"/>
  </si>
  <si>
    <t>木</t>
  </si>
  <si>
    <t>生年月日</t>
    <rPh sb="0" eb="4">
      <t>セイネンガッピ</t>
    </rPh>
    <phoneticPr fontId="1"/>
  </si>
  <si>
    <t>年</t>
    <rPh sb="0" eb="1">
      <t>ネン</t>
    </rPh>
    <phoneticPr fontId="1"/>
  </si>
  <si>
    <t>月</t>
    <rPh sb="0" eb="1">
      <t>ガツ</t>
    </rPh>
    <phoneticPr fontId="1"/>
  </si>
  <si>
    <t>次の事由により、子どもの保育ができないことを申し立てます。</t>
    <rPh sb="0" eb="1">
      <t>ツギ</t>
    </rPh>
    <rPh sb="2" eb="4">
      <t>ジユウ</t>
    </rPh>
    <rPh sb="8" eb="9">
      <t>コ</t>
    </rPh>
    <rPh sb="12" eb="14">
      <t>ホイク</t>
    </rPh>
    <rPh sb="22" eb="23">
      <t>モウ</t>
    </rPh>
    <rPh sb="24" eb="25">
      <t>タ</t>
    </rPh>
    <phoneticPr fontId="1"/>
  </si>
  <si>
    <t>　申請児童との続柄：</t>
    <rPh sb="1" eb="3">
      <t>シンセイ</t>
    </rPh>
    <rPh sb="3" eb="5">
      <t>ジドウ</t>
    </rPh>
    <rPh sb="7" eb="9">
      <t>ツヅキガラ</t>
    </rPh>
    <phoneticPr fontId="1"/>
  </si>
  <si>
    <t>月の平均従事日数</t>
    <rPh sb="0" eb="1">
      <t>ツキ</t>
    </rPh>
    <rPh sb="2" eb="4">
      <t>ヘイキン</t>
    </rPh>
    <rPh sb="4" eb="6">
      <t>ジュウジ</t>
    </rPh>
    <rPh sb="6" eb="8">
      <t>ニッスウ</t>
    </rPh>
    <phoneticPr fontId="1"/>
  </si>
  <si>
    <t>日</t>
    <rPh sb="0" eb="1">
      <t>ニチ</t>
    </rPh>
    <phoneticPr fontId="1"/>
  </si>
  <si>
    <t>月に常態として、６４時間以上の従事時間がある。</t>
    <rPh sb="0" eb="1">
      <t>ツキ</t>
    </rPh>
    <rPh sb="2" eb="4">
      <t>ジョウタイ</t>
    </rPh>
    <rPh sb="10" eb="12">
      <t>ジカン</t>
    </rPh>
    <rPh sb="12" eb="14">
      <t>イジョウ</t>
    </rPh>
    <rPh sb="15" eb="17">
      <t>ジュウジ</t>
    </rPh>
    <rPh sb="17" eb="19">
      <t>ジカン</t>
    </rPh>
    <phoneticPr fontId="1"/>
  </si>
  <si>
    <t>R ５</t>
  </si>
  <si>
    <t>□</t>
  </si>
  <si>
    <t>７月</t>
  </si>
  <si>
    <t>３月</t>
  </si>
  <si>
    <t>時間</t>
    <rPh sb="0" eb="2">
      <t>ジカン</t>
    </rPh>
    <phoneticPr fontId="1"/>
  </si>
  <si>
    <t>就労証明書に記載の時間・日数と一致している</t>
  </si>
  <si>
    <t>２月</t>
  </si>
  <si>
    <t>利用施設　※在園児のみ</t>
    <rPh sb="0" eb="2">
      <t>リヨウ</t>
    </rPh>
    <rPh sb="2" eb="4">
      <t>シセツ</t>
    </rPh>
    <rPh sb="6" eb="9">
      <t>ザイエンジ</t>
    </rPh>
    <phoneticPr fontId="1"/>
  </si>
  <si>
    <t>自営業</t>
    <rPh sb="0" eb="3">
      <t>ジエイギョウ</t>
    </rPh>
    <phoneticPr fontId="1"/>
  </si>
  <si>
    <t>支給認定番号　
※在園児のみ</t>
    <rPh sb="0" eb="6">
      <t>シキュウニンテイバンゴウ</t>
    </rPh>
    <rPh sb="9" eb="12">
      <t>ザイエンジ</t>
    </rPh>
    <phoneticPr fontId="1"/>
  </si>
  <si>
    <t>農業</t>
    <rPh sb="0" eb="2">
      <t>ノウギョウ</t>
    </rPh>
    <phoneticPr fontId="1"/>
  </si>
  <si>
    <t>（事由）</t>
    <rPh sb="1" eb="3">
      <t>ジユウ</t>
    </rPh>
    <phoneticPr fontId="1"/>
  </si>
  <si>
    <t>林業</t>
    <rPh sb="0" eb="2">
      <t>リンギョウ</t>
    </rPh>
    <phoneticPr fontId="1"/>
  </si>
  <si>
    <t>月の平均従事時間</t>
    <rPh sb="0" eb="1">
      <t>ツキ</t>
    </rPh>
    <rPh sb="2" eb="4">
      <t>ヘイキン</t>
    </rPh>
    <rPh sb="4" eb="6">
      <t>ジュウジ</t>
    </rPh>
    <rPh sb="6" eb="8">
      <t>ジカン</t>
    </rPh>
    <phoneticPr fontId="1"/>
  </si>
  <si>
    <t>漁業</t>
    <rPh sb="0" eb="2">
      <t>ギョギョウ</t>
    </rPh>
    <phoneticPr fontId="1"/>
  </si>
  <si>
    <t xml:space="preserve">
6:00
7:00
8:00
9:00
10:00
11:00
12:00
13:00
14:00
15:00
16:00
17:00
18:00
19:00
20:00
21:00
22:00
23:00
24:00
1:00
2:00
3:00
4:00
5:00
</t>
  </si>
  <si>
    <t>火</t>
  </si>
  <si>
    <t>水</t>
  </si>
  <si>
    <t>日</t>
  </si>
  <si>
    <t>金</t>
  </si>
  <si>
    <t>土</t>
  </si>
  <si>
    <t>６月</t>
  </si>
  <si>
    <t>８月</t>
  </si>
  <si>
    <t>１０月</t>
  </si>
  <si>
    <t>１１月</t>
  </si>
  <si>
    <t>１２月</t>
  </si>
  <si>
    <t>５月</t>
    <rPh sb="1" eb="2">
      <t>ガツ</t>
    </rPh>
    <phoneticPr fontId="1"/>
  </si>
  <si>
    <t>申立書①≪自営業等≫</t>
    <rPh sb="0" eb="3">
      <t>モウシタテショ</t>
    </rPh>
    <rPh sb="5" eb="8">
      <t>ジエイギョウ</t>
    </rPh>
    <rPh sb="8" eb="9">
      <t>トウ</t>
    </rPh>
    <phoneticPr fontId="1"/>
  </si>
  <si>
    <t>R ２</t>
  </si>
  <si>
    <t>１日の平均従事時間</t>
    <rPh sb="1" eb="2">
      <t>ニチ</t>
    </rPh>
    <rPh sb="3" eb="5">
      <t>ヘイキン</t>
    </rPh>
    <rPh sb="5" eb="9">
      <t>ジュウジジカン</t>
    </rPh>
    <phoneticPr fontId="1"/>
  </si>
  <si>
    <t>続柄</t>
    <rPh sb="0" eb="2">
      <t>ツヅキガラ</t>
    </rPh>
    <phoneticPr fontId="1"/>
  </si>
  <si>
    <t>R ３</t>
  </si>
  <si>
    <t>×</t>
  </si>
  <si>
    <t>＝</t>
  </si>
  <si>
    <t>R １</t>
  </si>
  <si>
    <t>申立保護者名　</t>
    <rPh sb="0" eb="2">
      <t>モウシタテ</t>
    </rPh>
    <rPh sb="2" eb="4">
      <t>ホゴ</t>
    </rPh>
    <rPh sb="4" eb="5">
      <t>シャ</t>
    </rPh>
    <rPh sb="5" eb="6">
      <t>メイ</t>
    </rPh>
    <phoneticPr fontId="1"/>
  </si>
  <si>
    <t>月</t>
    <rPh sb="0" eb="1">
      <t>ツキ</t>
    </rPh>
    <phoneticPr fontId="1"/>
  </si>
  <si>
    <t>日</t>
    <rPh sb="0" eb="1">
      <t>ヒ</t>
    </rPh>
    <phoneticPr fontId="1"/>
  </si>
  <si>
    <t>チェック</t>
  </si>
  <si>
    <t>☑</t>
  </si>
  <si>
    <t>令和</t>
    <rPh sb="0" eb="2">
      <t>レイワ</t>
    </rPh>
    <phoneticPr fontId="1"/>
  </si>
  <si>
    <t>父</t>
    <rPh sb="0" eb="1">
      <t>チチ</t>
    </rPh>
    <phoneticPr fontId="1"/>
  </si>
  <si>
    <t>母</t>
    <rPh sb="0" eb="1">
      <t>ハハ</t>
    </rPh>
    <phoneticPr fontId="1"/>
  </si>
  <si>
    <t>常時、生業として上記事由に従事している。</t>
    <rPh sb="0" eb="2">
      <t>ジョウジ</t>
    </rPh>
    <rPh sb="3" eb="5">
      <t>ナリワイ</t>
    </rPh>
    <rPh sb="8" eb="10">
      <t>ジョウキ</t>
    </rPh>
    <rPh sb="10" eb="12">
      <t>ジユウ</t>
    </rPh>
    <rPh sb="13" eb="15">
      <t>ジュウジ</t>
    </rPh>
    <phoneticPr fontId="1"/>
  </si>
  <si>
    <t>その他</t>
    <rPh sb="2" eb="3">
      <t>ホカ</t>
    </rPh>
    <phoneticPr fontId="1"/>
  </si>
  <si>
    <t>父・母・その他（　　　　　　）</t>
    <rPh sb="0" eb="1">
      <t>チチ</t>
    </rPh>
    <rPh sb="2" eb="3">
      <t>ハハ</t>
    </rPh>
    <rPh sb="6" eb="7">
      <t>ホカ</t>
    </rPh>
    <phoneticPr fontId="1"/>
  </si>
  <si>
    <t>※裏面に事業の内容が分かる書類の写しを添付してください。</t>
    <rPh sb="1" eb="3">
      <t>ウラメン</t>
    </rPh>
    <rPh sb="4" eb="6">
      <t>ジギョウ</t>
    </rPh>
    <rPh sb="7" eb="9">
      <t>ナイヨウ</t>
    </rPh>
    <rPh sb="10" eb="11">
      <t>ワ</t>
    </rPh>
    <rPh sb="13" eb="15">
      <t>ショルイ</t>
    </rPh>
    <rPh sb="16" eb="17">
      <t>ウツ</t>
    </rPh>
    <rPh sb="19" eb="21">
      <t>テンプ</t>
    </rPh>
    <phoneticPr fontId="1"/>
  </si>
  <si>
    <t>月</t>
    <rPh sb="0" eb="1">
      <t>ゲツ</t>
    </rPh>
    <phoneticPr fontId="1"/>
  </si>
  <si>
    <t>週間スケジュール</t>
    <rPh sb="0" eb="2">
      <t>シュウカン</t>
    </rPh>
    <phoneticPr fontId="1"/>
  </si>
  <si>
    <t>９月</t>
    <rPh sb="1" eb="2">
      <t>ガツ</t>
    </rPh>
    <phoneticPr fontId="1"/>
  </si>
  <si>
    <t>１月</t>
    <rPh sb="1" eb="2">
      <t>ガツ</t>
    </rPh>
    <phoneticPr fontId="1"/>
  </si>
  <si>
    <t>４月</t>
  </si>
  <si>
    <t>※市記入欄</t>
    <rPh sb="1" eb="5">
      <t>シキニュウラン</t>
    </rPh>
    <phoneticPr fontId="1"/>
  </si>
  <si>
    <t>R ４</t>
  </si>
  <si>
    <t>R ６</t>
  </si>
  <si>
    <t>貼付場所</t>
    <rPh sb="0" eb="2">
      <t>ハリツケ</t>
    </rPh>
    <rPh sb="2" eb="4">
      <t>バショ</t>
    </rPh>
    <phoneticPr fontId="1"/>
  </si>
  <si>
    <t>下記にすべて該当しているかチェック☑をいれてください。</t>
    <rPh sb="0" eb="2">
      <t>カキ</t>
    </rPh>
    <rPh sb="6" eb="8">
      <t>ガイトウ</t>
    </rPh>
    <phoneticPr fontId="1"/>
  </si>
  <si>
    <t>※該当しない場合は就労による認定ができません。</t>
    <rPh sb="1" eb="3">
      <t>ガイトウ</t>
    </rPh>
    <rPh sb="6" eb="8">
      <t>バアイ</t>
    </rPh>
    <rPh sb="9" eb="11">
      <t>シュウロウ</t>
    </rPh>
    <rPh sb="14" eb="16">
      <t>ニンテイ</t>
    </rPh>
    <phoneticPr fontId="1"/>
  </si>
  <si>
    <t>・漁獲証明書　　・養殖証明書　　　・開業届(※)　など</t>
    <rPh sb="1" eb="3">
      <t>ギョカク</t>
    </rPh>
    <rPh sb="3" eb="6">
      <t>ショウメイショ</t>
    </rPh>
    <rPh sb="9" eb="11">
      <t>ヨウショク</t>
    </rPh>
    <rPh sb="11" eb="14">
      <t>ショウメイショ</t>
    </rPh>
    <rPh sb="18" eb="21">
      <t>カイギョウトドケ</t>
    </rPh>
    <phoneticPr fontId="1"/>
  </si>
  <si>
    <t>施設
No.</t>
    <rPh sb="0" eb="2">
      <t>シセツ</t>
    </rPh>
    <phoneticPr fontId="1"/>
  </si>
  <si>
    <t>※就労証明書「No.6：就労時間」と必ず一致させてください。</t>
    <rPh sb="1" eb="6">
      <t>シュウロウショウメイショ</t>
    </rPh>
    <rPh sb="12" eb="16">
      <t>シュウロウジカン</t>
    </rPh>
    <rPh sb="18" eb="19">
      <t>カナラ</t>
    </rPh>
    <rPh sb="20" eb="22">
      <t>イッチ</t>
    </rPh>
    <phoneticPr fontId="1"/>
  </si>
  <si>
    <t>共通</t>
    <rPh sb="0" eb="2">
      <t>キョウツウ</t>
    </rPh>
    <phoneticPr fontId="1"/>
  </si>
  <si>
    <t>年間スケジュール（月ごとのスケジュールが異なる方のみ記載）</t>
    <rPh sb="0" eb="2">
      <t>ネンカン</t>
    </rPh>
    <rPh sb="9" eb="10">
      <t>ツキ</t>
    </rPh>
    <rPh sb="20" eb="21">
      <t>コト</t>
    </rPh>
    <rPh sb="23" eb="24">
      <t>カタ</t>
    </rPh>
    <rPh sb="26" eb="28">
      <t>キサイ</t>
    </rPh>
    <phoneticPr fontId="1"/>
  </si>
  <si>
    <t>R ７</t>
  </si>
  <si>
    <t>R</t>
  </si>
  <si>
    <t>R ８</t>
  </si>
  <si>
    <t>※申請時に事業を開始していない場合は、「起業準備」で申請してください。</t>
    <rPh sb="1" eb="4">
      <t>シンセイジ</t>
    </rPh>
    <rPh sb="5" eb="7">
      <t>ジギョウ</t>
    </rPh>
    <rPh sb="8" eb="10">
      <t>カイシ</t>
    </rPh>
    <rPh sb="15" eb="17">
      <t>バアイ</t>
    </rPh>
    <rPh sb="20" eb="24">
      <t>キギョウジュンビ</t>
    </rPh>
    <rPh sb="26" eb="28">
      <t>シンセイ</t>
    </rPh>
    <phoneticPr fontId="1"/>
  </si>
  <si>
    <t>・事業HPの画面（URL付き）　　・事業許可証　・開業届（※）　　など</t>
    <rPh sb="1" eb="3">
      <t>ジギョウ</t>
    </rPh>
    <rPh sb="6" eb="8">
      <t>ガメン</t>
    </rPh>
    <rPh sb="12" eb="13">
      <t>ツ</t>
    </rPh>
    <rPh sb="18" eb="23">
      <t>ジギョウキョカショウ</t>
    </rPh>
    <phoneticPr fontId="1"/>
  </si>
  <si>
    <t>・農地台帳　　　・耕作証明書　　・開業届(※)　など</t>
    <rPh sb="1" eb="5">
      <t>ノウチダイチョウ</t>
    </rPh>
    <rPh sb="9" eb="14">
      <t>コウサクショウメイショ</t>
    </rPh>
    <rPh sb="17" eb="20">
      <t>カイギョウトドケ</t>
    </rPh>
    <phoneticPr fontId="1"/>
  </si>
  <si>
    <t>・林業の事業者登録書　　・事業者認定証　　　・開業届(※)　など</t>
    <rPh sb="1" eb="3">
      <t>リンギョウ</t>
    </rPh>
    <rPh sb="4" eb="7">
      <t>ジギョウシャ</t>
    </rPh>
    <rPh sb="7" eb="9">
      <t>トウロク</t>
    </rPh>
    <rPh sb="9" eb="10">
      <t>ショ</t>
    </rPh>
    <rPh sb="13" eb="16">
      <t>ジギョウシャ</t>
    </rPh>
    <rPh sb="16" eb="18">
      <t>ニンテイ</t>
    </rPh>
    <rPh sb="18" eb="19">
      <t>ショウ</t>
    </rPh>
    <rPh sb="23" eb="26">
      <t>カイギョウトドケ</t>
    </rPh>
    <phoneticPr fontId="1"/>
  </si>
  <si>
    <t>・確定申告書の控え（直近の取引記録が分かる明細等付き）（※）</t>
    <rPh sb="1" eb="6">
      <t>カクテイシンコクショ</t>
    </rPh>
    <rPh sb="7" eb="8">
      <t>ヒカ</t>
    </rPh>
    <rPh sb="10" eb="12">
      <t>チョッキン</t>
    </rPh>
    <rPh sb="13" eb="17">
      <t>トリヒキキロク</t>
    </rPh>
    <rPh sb="18" eb="19">
      <t>ワ</t>
    </rPh>
    <rPh sb="21" eb="24">
      <t>メイサイトウ</t>
    </rPh>
    <rPh sb="24" eb="25">
      <t>ツ</t>
    </rPh>
    <phoneticPr fontId="1"/>
  </si>
  <si>
    <t>(080401)</t>
    <phoneticPr fontId="1"/>
  </si>
  <si>
    <t>R ９</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font>
      <sz val="11"/>
      <color theme="1"/>
      <name val="游ゴシック"/>
      <family val="3"/>
      <scheme val="minor"/>
    </font>
    <font>
      <sz val="6"/>
      <name val="游ゴシック"/>
      <family val="3"/>
    </font>
    <font>
      <sz val="11"/>
      <color theme="1"/>
      <name val="明朝"/>
      <family val="1"/>
    </font>
    <font>
      <sz val="11"/>
      <color theme="1"/>
      <name val="BIZ UDP明朝 Medium"/>
      <family val="1"/>
    </font>
    <font>
      <b/>
      <sz val="28"/>
      <color theme="1"/>
      <name val="BIZ UDP明朝 Medium"/>
      <family val="1"/>
    </font>
    <font>
      <sz val="14"/>
      <color theme="1"/>
      <name val="BIZ UDP明朝 Medium"/>
      <family val="1"/>
    </font>
    <font>
      <sz val="16"/>
      <color theme="1"/>
      <name val="BIZ UDP明朝 Medium"/>
      <family val="1"/>
    </font>
    <font>
      <b/>
      <sz val="16"/>
      <color theme="1"/>
      <name val="BIZ UDP明朝 Medium"/>
      <family val="1"/>
    </font>
    <font>
      <sz val="18"/>
      <color theme="1"/>
      <name val="BIZ UDP明朝 Medium"/>
      <family val="1"/>
    </font>
    <font>
      <sz val="20"/>
      <color theme="1"/>
      <name val="BIZ UDP明朝 Medium"/>
      <family val="1"/>
    </font>
    <font>
      <sz val="12"/>
      <color theme="1"/>
      <name val="BIZ UDP明朝 Medium"/>
      <family val="1"/>
    </font>
    <font>
      <b/>
      <sz val="22"/>
      <color theme="1"/>
      <name val="BIZ UDP明朝 Medium"/>
      <family val="1"/>
    </font>
    <font>
      <sz val="48"/>
      <color theme="1"/>
      <name val="BIZ UDP明朝 Medium"/>
      <family val="1"/>
    </font>
    <font>
      <sz val="22"/>
      <color theme="1"/>
      <name val="明朝"/>
      <family val="1"/>
    </font>
    <font>
      <sz val="24"/>
      <color theme="1"/>
      <name val="BIZ UDP明朝 Medium"/>
      <family val="1"/>
    </font>
    <font>
      <sz val="9"/>
      <color theme="1"/>
      <name val="BIZ UDP明朝 Medium"/>
      <family val="1"/>
    </font>
    <font>
      <sz val="8"/>
      <color theme="1"/>
      <name val="BIZ UDP明朝 Medium"/>
      <family val="1"/>
    </font>
    <font>
      <b/>
      <sz val="14"/>
      <color theme="1"/>
      <name val="BIZ UDP明朝 Medium"/>
      <family val="1"/>
    </font>
  </fonts>
  <fills count="8">
    <fill>
      <patternFill patternType="none"/>
    </fill>
    <fill>
      <patternFill patternType="gray125"/>
    </fill>
    <fill>
      <patternFill patternType="solid">
        <fgColor rgb="FFFEFFF7"/>
        <bgColor indexed="64"/>
      </patternFill>
    </fill>
    <fill>
      <patternFill patternType="solid">
        <fgColor theme="2"/>
        <bgColor indexed="64"/>
      </patternFill>
    </fill>
    <fill>
      <patternFill patternType="solid">
        <fgColor theme="0"/>
        <bgColor indexed="64"/>
      </patternFill>
    </fill>
    <fill>
      <patternFill patternType="solid">
        <fgColor rgb="FFFDFFF3"/>
        <bgColor indexed="64"/>
      </patternFill>
    </fill>
    <fill>
      <patternFill patternType="solid">
        <fgColor rgb="FFFFFBE1"/>
        <bgColor indexed="64"/>
      </patternFill>
    </fill>
    <fill>
      <patternFill patternType="solid">
        <fgColor rgb="FFFFFFF3"/>
        <bgColor indexed="64"/>
      </patternFill>
    </fill>
  </fills>
  <borders count="34">
    <border>
      <left/>
      <right/>
      <top/>
      <bottom/>
      <diagonal/>
    </border>
    <border>
      <left style="thin">
        <color indexed="64"/>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thin">
        <color indexed="64"/>
      </left>
      <right style="dotted">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style="thin">
        <color indexed="64"/>
      </left>
      <right/>
      <top/>
      <bottom style="dotted">
        <color indexed="64"/>
      </bottom>
      <diagonal/>
    </border>
    <border>
      <left style="thin">
        <color indexed="64"/>
      </left>
      <right/>
      <top style="dotted">
        <color indexed="64"/>
      </top>
      <bottom/>
      <diagonal/>
    </border>
    <border>
      <left style="thin">
        <color indexed="64"/>
      </left>
      <right/>
      <top/>
      <bottom style="thin">
        <color auto="1"/>
      </bottom>
      <diagonal/>
    </border>
    <border>
      <left style="thin">
        <color indexed="64"/>
      </left>
      <right/>
      <top style="thin">
        <color indexed="64"/>
      </top>
      <bottom style="thin">
        <color indexed="64"/>
      </bottom>
      <diagonal/>
    </border>
    <border>
      <left/>
      <right/>
      <top style="thin">
        <color indexed="64"/>
      </top>
      <bottom/>
      <diagonal/>
    </border>
    <border>
      <left/>
      <right/>
      <top/>
      <bottom style="dotted">
        <color indexed="64"/>
      </bottom>
      <diagonal/>
    </border>
    <border>
      <left/>
      <right/>
      <top style="dotted">
        <color indexed="64"/>
      </top>
      <bottom/>
      <diagonal/>
    </border>
    <border>
      <left style="dotted">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dotted">
        <color indexed="64"/>
      </bottom>
      <diagonal/>
    </border>
    <border>
      <left/>
      <right style="thin">
        <color indexed="64"/>
      </right>
      <top style="dotted">
        <color indexed="64"/>
      </top>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medium">
        <color indexed="64"/>
      </left>
      <right/>
      <top style="medium">
        <color indexed="64"/>
      </top>
      <bottom style="medium">
        <color indexed="64"/>
      </bottom>
      <diagonal/>
    </border>
    <border>
      <left style="medium">
        <color indexed="64"/>
      </left>
      <right/>
      <top/>
      <bottom/>
      <diagonal/>
    </border>
    <border>
      <left style="medium">
        <color indexed="64"/>
      </left>
      <right/>
      <top/>
      <bottom style="medium">
        <color indexed="64"/>
      </bottom>
      <diagonal/>
    </border>
    <border>
      <left/>
      <right/>
      <top style="medium">
        <color indexed="64"/>
      </top>
      <bottom style="medium">
        <color indexed="64"/>
      </bottom>
      <diagonal/>
    </border>
    <border>
      <left/>
      <right/>
      <top/>
      <bottom style="medium">
        <color indexed="64"/>
      </bottom>
      <diagonal/>
    </border>
    <border>
      <left/>
      <right style="medium">
        <color indexed="64"/>
      </right>
      <top style="medium">
        <color indexed="64"/>
      </top>
      <bottom style="medium">
        <color indexed="64"/>
      </bottom>
      <diagonal/>
    </border>
    <border>
      <left/>
      <right style="medium">
        <color indexed="64"/>
      </right>
      <top/>
      <bottom/>
      <diagonal/>
    </border>
    <border>
      <left/>
      <right style="medium">
        <color indexed="64"/>
      </right>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1">
    <xf numFmtId="0" fontId="0" fillId="0" borderId="0">
      <alignment vertical="center"/>
    </xf>
  </cellStyleXfs>
  <cellXfs count="147">
    <xf numFmtId="0" fontId="0" fillId="0" borderId="0" xfId="0">
      <alignment vertical="center"/>
    </xf>
    <xf numFmtId="0" fontId="2" fillId="0" borderId="0" xfId="0" applyFont="1" applyFill="1" applyProtection="1">
      <alignment vertical="center"/>
    </xf>
    <xf numFmtId="0" fontId="2" fillId="0" borderId="0" xfId="0" applyFont="1" applyFill="1" applyAlignment="1" applyProtection="1"/>
    <xf numFmtId="0" fontId="3" fillId="0" borderId="0" xfId="0" applyFont="1" applyFill="1" applyProtection="1">
      <alignment vertical="center"/>
    </xf>
    <xf numFmtId="0" fontId="4" fillId="0" borderId="0" xfId="0" applyFont="1" applyFill="1" applyBorder="1" applyAlignment="1" applyProtection="1">
      <alignment vertical="center"/>
    </xf>
    <xf numFmtId="0" fontId="6" fillId="0" borderId="0" xfId="0" applyFont="1" applyFill="1" applyBorder="1" applyAlignment="1" applyProtection="1">
      <alignment horizontal="center" vertical="center" shrinkToFit="1"/>
      <protection locked="0"/>
    </xf>
    <xf numFmtId="0" fontId="3" fillId="0" borderId="0" xfId="0" applyFont="1" applyFill="1" applyBorder="1" applyProtection="1">
      <alignment vertical="center"/>
    </xf>
    <xf numFmtId="0" fontId="7" fillId="0" borderId="0" xfId="0" applyFont="1" applyFill="1" applyBorder="1" applyProtection="1">
      <alignment vertical="center"/>
    </xf>
    <xf numFmtId="0" fontId="8" fillId="0" borderId="0" xfId="0" applyFont="1" applyFill="1" applyBorder="1" applyAlignment="1" applyProtection="1">
      <alignment vertical="center"/>
    </xf>
    <xf numFmtId="0" fontId="6" fillId="2" borderId="2" xfId="0" applyFont="1" applyFill="1" applyBorder="1" applyAlignment="1" applyProtection="1">
      <alignment horizontal="center" vertical="center"/>
      <protection locked="0"/>
    </xf>
    <xf numFmtId="0" fontId="8" fillId="0" borderId="0" xfId="0" applyFont="1" applyFill="1" applyBorder="1" applyAlignment="1" applyProtection="1">
      <alignment horizontal="left" vertical="center"/>
    </xf>
    <xf numFmtId="0" fontId="6" fillId="2" borderId="3" xfId="0" applyFont="1" applyFill="1" applyBorder="1" applyAlignment="1" applyProtection="1">
      <alignment horizontal="center" vertical="center"/>
      <protection locked="0"/>
    </xf>
    <xf numFmtId="0" fontId="6" fillId="0" borderId="0" xfId="0" applyFont="1" applyFill="1" applyAlignment="1" applyProtection="1">
      <alignment vertical="center"/>
    </xf>
    <xf numFmtId="0" fontId="3" fillId="0" borderId="0" xfId="0" applyFont="1" applyFill="1" applyAlignment="1" applyProtection="1"/>
    <xf numFmtId="0" fontId="3" fillId="3" borderId="1" xfId="0" applyFont="1" applyFill="1" applyBorder="1" applyAlignment="1" applyProtection="1">
      <alignment vertical="center"/>
    </xf>
    <xf numFmtId="20" fontId="5" fillId="3" borderId="4" xfId="0" applyNumberFormat="1" applyFont="1" applyFill="1" applyBorder="1" applyAlignment="1" applyProtection="1">
      <alignment vertical="distributed" wrapText="1"/>
    </xf>
    <xf numFmtId="20" fontId="10" fillId="0" borderId="0" xfId="0" applyNumberFormat="1" applyFont="1" applyFill="1" applyBorder="1" applyProtection="1">
      <alignment vertical="center"/>
    </xf>
    <xf numFmtId="0" fontId="8" fillId="0" borderId="0" xfId="0" applyFont="1" applyFill="1" applyBorder="1" applyAlignment="1" applyProtection="1">
      <alignment horizontal="center" vertical="center"/>
    </xf>
    <xf numFmtId="0" fontId="6" fillId="0" borderId="7" xfId="0" applyFont="1" applyFill="1" applyBorder="1" applyAlignment="1" applyProtection="1">
      <alignment vertical="center"/>
    </xf>
    <xf numFmtId="0" fontId="6" fillId="0" borderId="8" xfId="0" applyFont="1" applyFill="1" applyBorder="1" applyAlignment="1" applyProtection="1">
      <alignment vertical="center"/>
    </xf>
    <xf numFmtId="0" fontId="6" fillId="0" borderId="0" xfId="0" applyFont="1" applyFill="1" applyBorder="1" applyAlignment="1" applyProtection="1">
      <alignment vertical="center"/>
    </xf>
    <xf numFmtId="0" fontId="5" fillId="0" borderId="0" xfId="0" applyFont="1" applyFill="1" applyBorder="1" applyAlignment="1" applyProtection="1">
      <alignment vertical="center"/>
    </xf>
    <xf numFmtId="0" fontId="3" fillId="4" borderId="12" xfId="0" applyFont="1" applyFill="1" applyBorder="1" applyAlignment="1" applyProtection="1">
      <alignment vertical="center"/>
      <protection locked="0"/>
    </xf>
    <xf numFmtId="0" fontId="3" fillId="0" borderId="0" xfId="0" applyFont="1" applyFill="1" applyBorder="1" applyAlignment="1" applyProtection="1">
      <alignment horizontal="center" vertical="center"/>
    </xf>
    <xf numFmtId="0" fontId="6" fillId="0" borderId="7" xfId="0" applyFont="1" applyFill="1" applyBorder="1" applyAlignment="1" applyProtection="1">
      <alignment horizontal="center" vertical="center"/>
    </xf>
    <xf numFmtId="0" fontId="6" fillId="0" borderId="0" xfId="0" applyFont="1" applyFill="1" applyProtection="1">
      <alignment vertical="center"/>
    </xf>
    <xf numFmtId="0" fontId="13" fillId="0" borderId="0" xfId="0" applyFont="1" applyFill="1" applyBorder="1" applyAlignment="1" applyProtection="1">
      <alignment vertical="center"/>
    </xf>
    <xf numFmtId="0" fontId="5" fillId="0" borderId="7" xfId="0" applyFont="1" applyFill="1" applyBorder="1" applyAlignment="1" applyProtection="1">
      <alignment vertical="center"/>
    </xf>
    <xf numFmtId="0" fontId="5" fillId="0" borderId="8" xfId="0" applyFont="1" applyFill="1" applyBorder="1" applyAlignment="1" applyProtection="1">
      <alignment vertical="center"/>
    </xf>
    <xf numFmtId="0" fontId="3" fillId="4" borderId="8" xfId="0" applyFont="1" applyFill="1" applyBorder="1" applyAlignment="1" applyProtection="1">
      <alignment vertical="center"/>
      <protection locked="0"/>
    </xf>
    <xf numFmtId="0" fontId="6" fillId="0" borderId="0" xfId="0" applyFont="1" applyFill="1" applyBorder="1" applyAlignment="1" applyProtection="1">
      <alignment horizontal="center" vertical="center"/>
    </xf>
    <xf numFmtId="0" fontId="7" fillId="0" borderId="17" xfId="0" applyFont="1" applyFill="1" applyBorder="1" applyAlignment="1" applyProtection="1">
      <alignment horizontal="left" vertical="center"/>
    </xf>
    <xf numFmtId="0" fontId="6" fillId="0" borderId="18" xfId="0" applyFont="1" applyFill="1" applyBorder="1" applyAlignment="1" applyProtection="1">
      <alignment horizontal="center" vertical="center"/>
    </xf>
    <xf numFmtId="0" fontId="8" fillId="0" borderId="18" xfId="0" applyFont="1" applyFill="1" applyBorder="1" applyAlignment="1" applyProtection="1">
      <alignment horizontal="left" vertical="center"/>
    </xf>
    <xf numFmtId="0" fontId="3" fillId="4" borderId="22" xfId="0" applyFont="1" applyFill="1" applyBorder="1" applyAlignment="1" applyProtection="1">
      <alignment vertical="center"/>
      <protection locked="0"/>
    </xf>
    <xf numFmtId="0" fontId="6" fillId="0" borderId="13" xfId="0" applyFont="1" applyFill="1" applyBorder="1" applyProtection="1">
      <alignment vertical="center"/>
    </xf>
    <xf numFmtId="0" fontId="4" fillId="0" borderId="8" xfId="0" applyFont="1" applyFill="1" applyBorder="1" applyAlignment="1" applyProtection="1">
      <alignment horizontal="center" vertical="center"/>
    </xf>
    <xf numFmtId="0" fontId="6" fillId="0" borderId="0" xfId="0" applyFont="1" applyFill="1" applyBorder="1" applyProtection="1">
      <alignment vertical="center"/>
    </xf>
    <xf numFmtId="0" fontId="6" fillId="0" borderId="0" xfId="0" applyFont="1" applyFill="1" applyBorder="1" applyAlignment="1" applyProtection="1">
      <alignment horizontal="center" vertical="center"/>
      <protection locked="0"/>
    </xf>
    <xf numFmtId="0" fontId="6" fillId="0" borderId="7" xfId="0" applyFont="1" applyFill="1" applyBorder="1" applyProtection="1">
      <alignment vertical="center"/>
    </xf>
    <xf numFmtId="0" fontId="14" fillId="0" borderId="23" xfId="0" applyFont="1" applyFill="1" applyBorder="1" applyAlignment="1" applyProtection="1">
      <alignment vertical="center"/>
    </xf>
    <xf numFmtId="0" fontId="5" fillId="0" borderId="0" xfId="0" applyFont="1" applyFill="1" applyBorder="1" applyAlignment="1" applyProtection="1">
      <alignment horizontal="center"/>
    </xf>
    <xf numFmtId="0" fontId="5" fillId="0" borderId="7" xfId="0" applyFont="1" applyFill="1" applyBorder="1" applyAlignment="1" applyProtection="1">
      <alignment horizontal="center"/>
    </xf>
    <xf numFmtId="0" fontId="3" fillId="0" borderId="18" xfId="0" applyFont="1" applyFill="1" applyBorder="1" applyAlignment="1" applyProtection="1"/>
    <xf numFmtId="0" fontId="3" fillId="0" borderId="0" xfId="0" applyFont="1" applyFill="1" applyBorder="1" applyAlignment="1" applyProtection="1"/>
    <xf numFmtId="0" fontId="5" fillId="0" borderId="7" xfId="0" applyFont="1" applyFill="1" applyBorder="1" applyAlignment="1" applyProtection="1">
      <alignment horizontal="left"/>
    </xf>
    <xf numFmtId="0" fontId="5" fillId="0" borderId="8" xfId="0" applyFont="1" applyFill="1" applyBorder="1" applyAlignment="1" applyProtection="1">
      <alignment horizontal="left"/>
    </xf>
    <xf numFmtId="0" fontId="5" fillId="0" borderId="0" xfId="0" applyFont="1" applyFill="1" applyBorder="1" applyAlignment="1" applyProtection="1">
      <alignment horizontal="left"/>
    </xf>
    <xf numFmtId="0" fontId="14" fillId="0" borderId="0" xfId="0" applyFont="1" applyFill="1" applyBorder="1" applyAlignment="1" applyProtection="1">
      <alignment horizontal="center" vertical="center"/>
    </xf>
    <xf numFmtId="0" fontId="14" fillId="0" borderId="7" xfId="0" applyFont="1" applyFill="1" applyBorder="1" applyAlignment="1" applyProtection="1">
      <alignment horizontal="center" vertical="center"/>
    </xf>
    <xf numFmtId="0" fontId="5" fillId="0" borderId="7" xfId="0" applyFont="1" applyFill="1" applyBorder="1" applyAlignment="1" applyProtection="1">
      <alignment horizontal="center" vertical="center"/>
    </xf>
    <xf numFmtId="0" fontId="8" fillId="0" borderId="7" xfId="0" applyFont="1" applyFill="1" applyBorder="1" applyAlignment="1" applyProtection="1">
      <alignment horizontal="center" vertical="center" shrinkToFit="1"/>
    </xf>
    <xf numFmtId="0" fontId="8" fillId="0" borderId="0" xfId="0" applyFont="1" applyFill="1" applyBorder="1" applyAlignment="1" applyProtection="1">
      <alignment horizontal="center" vertical="center" shrinkToFit="1"/>
    </xf>
    <xf numFmtId="0" fontId="5" fillId="0" borderId="18" xfId="0" applyFont="1" applyFill="1" applyBorder="1" applyAlignment="1" applyProtection="1">
      <alignment horizontal="left"/>
    </xf>
    <xf numFmtId="0" fontId="5" fillId="0" borderId="22" xfId="0" applyFont="1" applyFill="1" applyBorder="1" applyAlignment="1" applyProtection="1">
      <alignment horizontal="left"/>
    </xf>
    <xf numFmtId="0" fontId="6" fillId="0" borderId="18" xfId="0" applyFont="1" applyFill="1" applyBorder="1" applyProtection="1">
      <alignment vertical="center"/>
    </xf>
    <xf numFmtId="0" fontId="6" fillId="2" borderId="7" xfId="0" applyFont="1" applyFill="1" applyBorder="1" applyAlignment="1" applyProtection="1">
      <alignment horizontal="center" vertical="center" shrinkToFit="1"/>
      <protection locked="0"/>
    </xf>
    <xf numFmtId="0" fontId="3" fillId="0" borderId="7" xfId="0" applyFont="1" applyFill="1" applyBorder="1" applyProtection="1">
      <alignment vertical="center"/>
    </xf>
    <xf numFmtId="0" fontId="6" fillId="0" borderId="0" xfId="0" applyFont="1" applyFill="1" applyBorder="1" applyAlignment="1" applyProtection="1">
      <alignment horizontal="left" vertical="center"/>
    </xf>
    <xf numFmtId="0" fontId="7" fillId="0" borderId="0" xfId="0" applyFont="1" applyFill="1" applyBorder="1" applyAlignment="1" applyProtection="1">
      <alignment horizontal="left" vertical="center"/>
    </xf>
    <xf numFmtId="0" fontId="14" fillId="0" borderId="0" xfId="0" applyFont="1" applyFill="1" applyBorder="1" applyAlignment="1" applyProtection="1">
      <alignment vertical="center"/>
    </xf>
    <xf numFmtId="0" fontId="8" fillId="0" borderId="18" xfId="0" applyFont="1" applyFill="1" applyBorder="1" applyAlignment="1" applyProtection="1">
      <alignment horizontal="center" vertical="center" shrinkToFit="1"/>
    </xf>
    <xf numFmtId="0" fontId="8" fillId="2" borderId="0" xfId="0" applyFont="1" applyFill="1" applyBorder="1" applyAlignment="1" applyProtection="1">
      <alignment horizontal="center" vertical="center"/>
      <protection locked="0"/>
    </xf>
    <xf numFmtId="0" fontId="3" fillId="0" borderId="18" xfId="0" applyFont="1" applyFill="1" applyBorder="1" applyProtection="1">
      <alignment vertical="center"/>
    </xf>
    <xf numFmtId="0" fontId="6" fillId="0" borderId="23" xfId="0" applyFont="1" applyFill="1" applyBorder="1" applyAlignment="1" applyProtection="1">
      <alignment vertical="center"/>
    </xf>
    <xf numFmtId="0" fontId="8" fillId="0" borderId="8" xfId="0" applyFont="1" applyFill="1" applyBorder="1" applyAlignment="1" applyProtection="1">
      <alignment horizontal="right" shrinkToFit="1"/>
    </xf>
    <xf numFmtId="0" fontId="13" fillId="0" borderId="0" xfId="0" applyFont="1" applyFill="1" applyBorder="1" applyAlignment="1" applyProtection="1">
      <alignment horizontal="center" vertical="center"/>
    </xf>
    <xf numFmtId="0" fontId="16" fillId="0" borderId="7" xfId="0" applyFont="1" applyFill="1" applyBorder="1" applyAlignment="1" applyProtection="1">
      <alignment horizontal="right"/>
    </xf>
    <xf numFmtId="0" fontId="16" fillId="0" borderId="18" xfId="0" applyFont="1" applyFill="1" applyBorder="1" applyAlignment="1" applyProtection="1">
      <alignment horizontal="right"/>
    </xf>
    <xf numFmtId="0" fontId="5" fillId="0" borderId="0" xfId="0" applyFont="1" applyFill="1" applyBorder="1" applyAlignment="1" applyProtection="1">
      <alignment horizontal="center" vertical="center"/>
    </xf>
    <xf numFmtId="0" fontId="6" fillId="0" borderId="8" xfId="0" applyFont="1" applyFill="1" applyBorder="1" applyAlignment="1" applyProtection="1">
      <alignment shrinkToFit="1"/>
    </xf>
    <xf numFmtId="0" fontId="17" fillId="0" borderId="0" xfId="0" applyFont="1" applyFill="1" applyBorder="1" applyProtection="1">
      <alignment vertical="center"/>
    </xf>
    <xf numFmtId="0" fontId="2" fillId="5" borderId="0" xfId="0" applyFont="1" applyFill="1" applyProtection="1">
      <alignment vertical="center"/>
    </xf>
    <xf numFmtId="0" fontId="2" fillId="0" borderId="0" xfId="0" applyFont="1" applyFill="1" applyAlignment="1" applyProtection="1">
      <alignment horizontal="left" vertical="center"/>
    </xf>
    <xf numFmtId="0" fontId="2" fillId="6" borderId="0" xfId="0" applyFont="1" applyFill="1" applyAlignment="1" applyProtection="1"/>
    <xf numFmtId="0" fontId="2" fillId="7" borderId="0" xfId="0" applyFont="1" applyFill="1" applyProtection="1">
      <alignment vertical="center"/>
    </xf>
    <xf numFmtId="0" fontId="0" fillId="0" borderId="0" xfId="0" applyProtection="1">
      <alignment vertical="center"/>
    </xf>
    <xf numFmtId="0" fontId="0" fillId="0" borderId="1" xfId="0" applyBorder="1" applyAlignment="1" applyProtection="1">
      <alignment horizontal="center" vertical="center"/>
    </xf>
    <xf numFmtId="0" fontId="0" fillId="0" borderId="1" xfId="0" applyBorder="1" applyProtection="1">
      <alignment vertical="center"/>
    </xf>
    <xf numFmtId="0" fontId="0" fillId="0" borderId="33" xfId="0" applyBorder="1" applyProtection="1">
      <alignment vertical="center"/>
    </xf>
    <xf numFmtId="0" fontId="0" fillId="0" borderId="1" xfId="0" applyFill="1" applyBorder="1" applyAlignment="1" applyProtection="1">
      <alignment vertical="center" shrinkToFit="1"/>
    </xf>
    <xf numFmtId="0" fontId="0" fillId="0" borderId="0" xfId="0" applyFill="1" applyBorder="1" applyProtection="1">
      <alignment vertical="center"/>
    </xf>
    <xf numFmtId="0" fontId="0" fillId="0" borderId="13" xfId="0" applyFill="1" applyBorder="1" applyProtection="1">
      <alignment vertical="center"/>
    </xf>
    <xf numFmtId="0" fontId="12" fillId="0" borderId="1" xfId="0" applyFont="1" applyFill="1" applyBorder="1" applyAlignment="1" applyProtection="1">
      <alignment horizontal="left" vertical="center" wrapText="1"/>
    </xf>
    <xf numFmtId="0" fontId="3" fillId="0" borderId="1" xfId="0" applyFont="1" applyFill="1" applyBorder="1" applyAlignment="1" applyProtection="1">
      <alignment horizontal="center" vertical="center"/>
      <protection locked="0"/>
    </xf>
    <xf numFmtId="0" fontId="8" fillId="0" borderId="1" xfId="0" applyFont="1" applyFill="1" applyBorder="1" applyAlignment="1" applyProtection="1">
      <alignment horizontal="center" vertical="center"/>
    </xf>
    <xf numFmtId="0" fontId="6" fillId="0" borderId="1" xfId="0" applyFont="1" applyFill="1" applyBorder="1" applyAlignment="1" applyProtection="1">
      <alignment horizontal="center" vertical="center"/>
    </xf>
    <xf numFmtId="0" fontId="10" fillId="3" borderId="1" xfId="0" applyFont="1" applyFill="1" applyBorder="1" applyAlignment="1" applyProtection="1">
      <alignment horizontal="center" vertical="center"/>
    </xf>
    <xf numFmtId="0" fontId="11" fillId="0" borderId="0" xfId="0" applyFont="1" applyFill="1" applyAlignment="1" applyProtection="1">
      <alignment horizontal="right" vertical="center"/>
    </xf>
    <xf numFmtId="49" fontId="3" fillId="0" borderId="0" xfId="0" applyNumberFormat="1" applyFont="1" applyFill="1" applyAlignment="1" applyProtection="1">
      <alignment horizontal="center"/>
    </xf>
    <xf numFmtId="0" fontId="6" fillId="0" borderId="13" xfId="0" applyFont="1" applyFill="1" applyBorder="1" applyAlignment="1" applyProtection="1">
      <alignment horizontal="center" vertical="center"/>
    </xf>
    <xf numFmtId="0" fontId="6" fillId="0" borderId="18" xfId="0" applyFont="1" applyFill="1" applyBorder="1" applyAlignment="1" applyProtection="1">
      <alignment horizontal="center" vertical="center"/>
    </xf>
    <xf numFmtId="0" fontId="6" fillId="0" borderId="1" xfId="0" applyFont="1" applyFill="1" applyBorder="1" applyAlignment="1" applyProtection="1">
      <alignment horizontal="left" vertical="center"/>
    </xf>
    <xf numFmtId="0" fontId="14" fillId="0" borderId="24" xfId="0" applyFont="1" applyFill="1" applyBorder="1" applyAlignment="1" applyProtection="1">
      <alignment horizontal="center" vertical="center"/>
    </xf>
    <xf numFmtId="0" fontId="14" fillId="0" borderId="0" xfId="0" applyFont="1" applyFill="1" applyBorder="1" applyAlignment="1" applyProtection="1">
      <alignment horizontal="center" vertical="center"/>
    </xf>
    <xf numFmtId="0" fontId="6" fillId="2" borderId="1" xfId="0" applyFont="1" applyFill="1" applyBorder="1" applyAlignment="1" applyProtection="1">
      <alignment horizontal="center" vertical="center"/>
      <protection locked="0"/>
    </xf>
    <xf numFmtId="0" fontId="5" fillId="0" borderId="23" xfId="0" applyFont="1" applyFill="1" applyBorder="1" applyAlignment="1" applyProtection="1">
      <alignment horizontal="center"/>
    </xf>
    <xf numFmtId="0" fontId="5" fillId="0" borderId="0" xfId="0" applyFont="1" applyFill="1" applyBorder="1" applyAlignment="1" applyProtection="1">
      <alignment horizontal="center"/>
    </xf>
    <xf numFmtId="0" fontId="6" fillId="2" borderId="26" xfId="0" applyFont="1" applyFill="1" applyBorder="1" applyAlignment="1" applyProtection="1">
      <alignment horizontal="center" vertical="center"/>
    </xf>
    <xf numFmtId="0" fontId="6" fillId="2" borderId="0" xfId="0" applyFont="1" applyFill="1" applyBorder="1" applyAlignment="1" applyProtection="1">
      <alignment horizontal="center" vertical="center"/>
    </xf>
    <xf numFmtId="0" fontId="6" fillId="2" borderId="31" xfId="0" applyFont="1" applyFill="1" applyBorder="1" applyAlignment="1" applyProtection="1">
      <alignment horizontal="center" vertical="center"/>
    </xf>
    <xf numFmtId="0" fontId="6" fillId="2" borderId="27" xfId="0" applyFont="1" applyFill="1" applyBorder="1" applyAlignment="1" applyProtection="1">
      <alignment horizontal="center" vertical="center"/>
    </xf>
    <xf numFmtId="0" fontId="6" fillId="2" borderId="29" xfId="0" applyFont="1" applyFill="1" applyBorder="1" applyAlignment="1" applyProtection="1">
      <alignment horizontal="center" vertical="center"/>
    </xf>
    <xf numFmtId="0" fontId="6" fillId="2" borderId="32" xfId="0" applyFont="1" applyFill="1" applyBorder="1" applyAlignment="1" applyProtection="1">
      <alignment horizontal="center" vertical="center"/>
    </xf>
    <xf numFmtId="0" fontId="9" fillId="3" borderId="1" xfId="0" applyFont="1" applyFill="1" applyBorder="1" applyAlignment="1" applyProtection="1">
      <alignment horizontal="center" vertical="center"/>
    </xf>
    <xf numFmtId="0" fontId="3" fillId="0" borderId="11" xfId="0" applyFont="1" applyFill="1" applyBorder="1" applyAlignment="1" applyProtection="1">
      <alignment horizontal="center" vertical="center"/>
      <protection locked="0"/>
    </xf>
    <xf numFmtId="0" fontId="3" fillId="0" borderId="16" xfId="0" applyFont="1" applyFill="1" applyBorder="1" applyAlignment="1" applyProtection="1">
      <alignment horizontal="center" vertical="center"/>
      <protection locked="0"/>
    </xf>
    <xf numFmtId="0" fontId="3" fillId="0" borderId="21" xfId="0" applyFont="1" applyFill="1" applyBorder="1" applyAlignment="1" applyProtection="1">
      <alignment horizontal="center" vertical="center"/>
      <protection locked="0"/>
    </xf>
    <xf numFmtId="0" fontId="3" fillId="0" borderId="10" xfId="0" applyFont="1" applyFill="1" applyBorder="1" applyAlignment="1" applyProtection="1">
      <alignment horizontal="center" vertical="center"/>
      <protection locked="0"/>
    </xf>
    <xf numFmtId="0" fontId="3" fillId="0" borderId="15" xfId="0" applyFont="1" applyFill="1" applyBorder="1" applyAlignment="1" applyProtection="1">
      <alignment horizontal="center" vertical="center"/>
      <protection locked="0"/>
    </xf>
    <xf numFmtId="0" fontId="3" fillId="0" borderId="20" xfId="0" applyFont="1" applyFill="1" applyBorder="1" applyAlignment="1" applyProtection="1">
      <alignment horizontal="center" vertical="center"/>
      <protection locked="0"/>
    </xf>
    <xf numFmtId="20" fontId="5" fillId="3" borderId="5" xfId="0" applyNumberFormat="1" applyFont="1" applyFill="1" applyBorder="1" applyAlignment="1" applyProtection="1">
      <alignment horizontal="center" vertical="distributed" wrapText="1"/>
    </xf>
    <xf numFmtId="20" fontId="5" fillId="3" borderId="6" xfId="0" applyNumberFormat="1" applyFont="1" applyFill="1" applyBorder="1" applyAlignment="1" applyProtection="1">
      <alignment horizontal="center" vertical="distributed" wrapText="1"/>
    </xf>
    <xf numFmtId="0" fontId="8" fillId="2" borderId="0" xfId="0" applyFont="1" applyFill="1" applyBorder="1" applyAlignment="1" applyProtection="1">
      <alignment horizontal="center" vertical="center"/>
      <protection locked="0"/>
    </xf>
    <xf numFmtId="0" fontId="4" fillId="0" borderId="0" xfId="0" applyFont="1" applyFill="1" applyBorder="1" applyAlignment="1" applyProtection="1">
      <alignment horizontal="center" vertical="center"/>
    </xf>
    <xf numFmtId="0" fontId="5" fillId="0" borderId="1" xfId="0" applyFont="1" applyFill="1" applyBorder="1" applyAlignment="1" applyProtection="1">
      <alignment horizontal="center" vertical="center"/>
    </xf>
    <xf numFmtId="0" fontId="5" fillId="0" borderId="13" xfId="0" applyFont="1" applyFill="1" applyBorder="1" applyAlignment="1" applyProtection="1">
      <alignment horizontal="center" vertical="center"/>
    </xf>
    <xf numFmtId="0" fontId="5" fillId="0" borderId="7" xfId="0" applyFont="1" applyFill="1" applyBorder="1" applyAlignment="1" applyProtection="1">
      <alignment horizontal="center" vertical="center"/>
    </xf>
    <xf numFmtId="0" fontId="5" fillId="0" borderId="18" xfId="0" applyFont="1" applyFill="1" applyBorder="1" applyAlignment="1" applyProtection="1">
      <alignment horizontal="center" vertical="center"/>
    </xf>
    <xf numFmtId="0" fontId="15" fillId="0" borderId="1" xfId="0" applyFont="1" applyFill="1" applyBorder="1" applyAlignment="1" applyProtection="1">
      <alignment horizontal="center" vertical="center" wrapText="1" shrinkToFit="1"/>
    </xf>
    <xf numFmtId="0" fontId="5" fillId="0" borderId="1" xfId="0" applyFont="1" applyFill="1" applyBorder="1" applyAlignment="1" applyProtection="1">
      <alignment horizontal="center" vertical="center" wrapText="1"/>
    </xf>
    <xf numFmtId="0" fontId="16" fillId="0" borderId="1" xfId="0" applyFont="1" applyFill="1" applyBorder="1" applyAlignment="1" applyProtection="1">
      <alignment horizontal="right"/>
    </xf>
    <xf numFmtId="0" fontId="7" fillId="0" borderId="0" xfId="0" applyFont="1" applyFill="1" applyBorder="1" applyAlignment="1" applyProtection="1">
      <alignment horizontal="left" vertical="center"/>
    </xf>
    <xf numFmtId="0" fontId="3" fillId="0" borderId="9" xfId="0" applyFont="1" applyFill="1" applyBorder="1" applyAlignment="1" applyProtection="1">
      <alignment horizontal="center" vertical="center"/>
      <protection locked="0"/>
    </xf>
    <xf numFmtId="0" fontId="3" fillId="0" borderId="14" xfId="0" applyFont="1" applyFill="1" applyBorder="1" applyAlignment="1" applyProtection="1">
      <alignment horizontal="center" vertical="center"/>
      <protection locked="0"/>
    </xf>
    <xf numFmtId="0" fontId="3" fillId="0" borderId="19" xfId="0" applyFont="1" applyFill="1" applyBorder="1" applyAlignment="1" applyProtection="1">
      <alignment horizontal="center" vertical="center"/>
      <protection locked="0"/>
    </xf>
    <xf numFmtId="0" fontId="3" fillId="0" borderId="23" xfId="0" applyFont="1" applyFill="1" applyBorder="1" applyAlignment="1" applyProtection="1">
      <alignment horizontal="center" vertical="center"/>
      <protection locked="0"/>
    </xf>
    <xf numFmtId="0" fontId="3" fillId="0" borderId="0" xfId="0" applyFont="1" applyFill="1" applyBorder="1" applyAlignment="1" applyProtection="1">
      <alignment horizontal="center" vertical="center"/>
      <protection locked="0"/>
    </xf>
    <xf numFmtId="0" fontId="3" fillId="0" borderId="24" xfId="0" applyFont="1" applyFill="1" applyBorder="1" applyAlignment="1" applyProtection="1">
      <alignment horizontal="center" vertical="center"/>
      <protection locked="0"/>
    </xf>
    <xf numFmtId="0" fontId="6" fillId="2" borderId="1" xfId="0" applyFont="1" applyFill="1" applyBorder="1" applyAlignment="1" applyProtection="1">
      <alignment horizontal="center" vertical="center" shrinkToFit="1"/>
      <protection locked="0"/>
    </xf>
    <xf numFmtId="0" fontId="6" fillId="2" borderId="13" xfId="0" applyFont="1" applyFill="1" applyBorder="1" applyAlignment="1" applyProtection="1">
      <alignment horizontal="center" vertical="center" shrinkToFit="1"/>
      <protection locked="0"/>
    </xf>
    <xf numFmtId="0" fontId="8" fillId="2" borderId="13" xfId="0" applyFont="1" applyFill="1" applyBorder="1" applyAlignment="1" applyProtection="1">
      <alignment horizontal="center" vertical="center" shrinkToFit="1"/>
      <protection locked="0"/>
    </xf>
    <xf numFmtId="0" fontId="8" fillId="2" borderId="7" xfId="0" applyFont="1" applyFill="1" applyBorder="1" applyAlignment="1" applyProtection="1">
      <alignment horizontal="center" vertical="center" shrinkToFit="1"/>
      <protection locked="0"/>
    </xf>
    <xf numFmtId="0" fontId="6" fillId="2" borderId="7" xfId="0" applyFont="1" applyFill="1" applyBorder="1" applyAlignment="1" applyProtection="1">
      <alignment horizontal="center" vertical="center" shrinkToFit="1"/>
      <protection locked="0"/>
    </xf>
    <xf numFmtId="0" fontId="6" fillId="2" borderId="18" xfId="0" applyFont="1" applyFill="1" applyBorder="1" applyAlignment="1" applyProtection="1">
      <alignment horizontal="center" vertical="center" shrinkToFit="1"/>
      <protection locked="0"/>
    </xf>
    <xf numFmtId="0" fontId="6" fillId="0" borderId="0" xfId="0" applyFont="1" applyFill="1" applyBorder="1" applyAlignment="1" applyProtection="1">
      <alignment horizontal="right" vertical="center"/>
    </xf>
    <xf numFmtId="0" fontId="6" fillId="3" borderId="1" xfId="0" applyFont="1" applyFill="1" applyBorder="1" applyAlignment="1" applyProtection="1">
      <alignment horizontal="center" vertical="center"/>
    </xf>
    <xf numFmtId="0" fontId="7" fillId="0" borderId="25" xfId="0" applyFont="1" applyFill="1" applyBorder="1" applyAlignment="1" applyProtection="1">
      <alignment horizontal="center" vertical="center"/>
    </xf>
    <xf numFmtId="0" fontId="7" fillId="0" borderId="28" xfId="0" applyFont="1" applyFill="1" applyBorder="1" applyAlignment="1" applyProtection="1">
      <alignment horizontal="center" vertical="center"/>
    </xf>
    <xf numFmtId="0" fontId="7" fillId="0" borderId="30" xfId="0" applyFont="1" applyFill="1" applyBorder="1" applyAlignment="1" applyProtection="1">
      <alignment horizontal="center" vertical="center"/>
    </xf>
    <xf numFmtId="0" fontId="8" fillId="0" borderId="8" xfId="0" applyFont="1" applyFill="1" applyBorder="1" applyAlignment="1" applyProtection="1">
      <alignment horizontal="center" shrinkToFit="1"/>
    </xf>
    <xf numFmtId="0" fontId="6" fillId="2" borderId="8" xfId="0" applyFont="1" applyFill="1" applyBorder="1" applyAlignment="1" applyProtection="1">
      <alignment horizontal="center" shrinkToFit="1"/>
      <protection locked="0"/>
    </xf>
    <xf numFmtId="0" fontId="8" fillId="2" borderId="8" xfId="0" applyNumberFormat="1" applyFont="1" applyFill="1" applyBorder="1" applyAlignment="1" applyProtection="1">
      <alignment horizontal="left"/>
      <protection locked="0"/>
    </xf>
    <xf numFmtId="0" fontId="8" fillId="0" borderId="8" xfId="0" applyFont="1" applyFill="1" applyBorder="1" applyAlignment="1" applyProtection="1">
      <alignment horizontal="center" shrinkToFit="1"/>
      <protection locked="0"/>
    </xf>
    <xf numFmtId="0" fontId="8" fillId="0" borderId="7" xfId="0" applyFont="1" applyFill="1" applyBorder="1" applyAlignment="1" applyProtection="1">
      <alignment horizontal="center" vertical="center"/>
    </xf>
    <xf numFmtId="0" fontId="0" fillId="0" borderId="1" xfId="0" applyBorder="1" applyAlignment="1" applyProtection="1">
      <alignment horizontal="center" vertical="center"/>
    </xf>
    <xf numFmtId="0" fontId="0" fillId="0" borderId="13" xfId="0" applyBorder="1" applyAlignment="1" applyProtection="1">
      <alignment horizontal="center" vertical="center"/>
    </xf>
  </cellXfs>
  <cellStyles count="1">
    <cellStyle name="標準" xfId="0" builtinId="0"/>
  </cellStyles>
  <dxfs count="1">
    <dxf>
      <fill>
        <patternFill patternType="solid">
          <fgColor indexed="64"/>
          <bgColor theme="7" tint="0.79998168889431442"/>
        </patternFill>
      </fill>
    </dxf>
  </dxfs>
  <tableStyles count="0" defaultTableStyle="TableStyleMedium2" defaultPivotStyle="PivotStyleLight16"/>
  <colors>
    <mruColors>
      <color rgb="FFFEFFF7"/>
      <color rgb="FFFCFDF1"/>
      <color rgb="FFFFFFF3"/>
      <color rgb="FFFDFFF3"/>
      <color rgb="FFFCFFE7"/>
      <color rgb="FFFFFBE1"/>
      <color rgb="FFFFFFDD"/>
      <color rgb="FFFFFDDD"/>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298450</xdr:colOff>
      <xdr:row>122</xdr:row>
      <xdr:rowOff>162560</xdr:rowOff>
    </xdr:from>
    <xdr:to>
      <xdr:col>20</xdr:col>
      <xdr:colOff>440055</xdr:colOff>
      <xdr:row>138</xdr:row>
      <xdr:rowOff>180340</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1470025" y="27539315"/>
          <a:ext cx="9914255" cy="519938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5400">
              <a:latin typeface="BIZ UDP明朝 Medium"/>
              <a:ea typeface="BIZ UDP明朝 Medium"/>
            </a:rPr>
            <a:t>上記の例を参考に</a:t>
          </a:r>
          <a:endParaRPr kumimoji="1" lang="en-US" altLang="ja-JP" sz="5400">
            <a:latin typeface="BIZ UDP明朝 Medium"/>
            <a:ea typeface="BIZ UDP明朝 Medium"/>
          </a:endParaRPr>
        </a:p>
        <a:p>
          <a:r>
            <a:rPr kumimoji="1" lang="ja-JP" altLang="en-US" sz="5400" b="1" u="sng">
              <a:latin typeface="BIZ UDP明朝 Medium"/>
              <a:ea typeface="BIZ UDP明朝 Medium"/>
            </a:rPr>
            <a:t>「事業の内容が分かる書類」</a:t>
          </a:r>
          <a:endParaRPr kumimoji="1" lang="en-US" altLang="ja-JP" sz="5400" b="1" u="sng">
            <a:latin typeface="BIZ UDP明朝 Medium"/>
            <a:ea typeface="BIZ UDP明朝 Medium"/>
          </a:endParaRPr>
        </a:p>
        <a:p>
          <a:r>
            <a:rPr kumimoji="1" lang="ja-JP" altLang="en-US" sz="5400" b="1" u="sng">
              <a:latin typeface="BIZ UDP明朝 Medium"/>
              <a:ea typeface="BIZ UDP明朝 Medium"/>
            </a:rPr>
            <a:t>の写し</a:t>
          </a:r>
          <a:r>
            <a:rPr kumimoji="1" lang="ja-JP" altLang="en-US" sz="5400">
              <a:latin typeface="BIZ UDP明朝 Medium"/>
              <a:ea typeface="BIZ UDP明朝 Medium"/>
            </a:rPr>
            <a:t>を貼り付けてください。</a:t>
          </a:r>
        </a:p>
        <a:p>
          <a:r>
            <a:rPr kumimoji="1" lang="ja-JP" altLang="en-US" sz="5400">
              <a:latin typeface="BIZ UDP明朝 Medium"/>
              <a:ea typeface="BIZ UDP明朝 Medium"/>
            </a:rPr>
            <a:t>（別紙添付でも可）</a:t>
          </a:r>
        </a:p>
      </xdr:txBody>
    </xdr:sp>
    <xdr:clientData/>
  </xdr:twoCellAnchor>
  <xdr:twoCellAnchor>
    <xdr:from>
      <xdr:col>10</xdr:col>
      <xdr:colOff>155575</xdr:colOff>
      <xdr:row>15</xdr:row>
      <xdr:rowOff>241935</xdr:rowOff>
    </xdr:from>
    <xdr:to>
      <xdr:col>11</xdr:col>
      <xdr:colOff>450215</xdr:colOff>
      <xdr:row>16</xdr:row>
      <xdr:rowOff>156210</xdr:rowOff>
    </xdr:to>
    <xdr:sp macro="" textlink="">
      <xdr:nvSpPr>
        <xdr:cNvPr id="2" name="右矢印 1">
          <a:extLst>
            <a:ext uri="{FF2B5EF4-FFF2-40B4-BE49-F238E27FC236}">
              <a16:creationId xmlns:a16="http://schemas.microsoft.com/office/drawing/2014/main" id="{00000000-0008-0000-0000-000002000000}"/>
            </a:ext>
          </a:extLst>
        </xdr:cNvPr>
        <xdr:cNvSpPr/>
      </xdr:nvSpPr>
      <xdr:spPr>
        <a:xfrm>
          <a:off x="5670550" y="5326380"/>
          <a:ext cx="837565" cy="257175"/>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405130</xdr:colOff>
      <xdr:row>109</xdr:row>
      <xdr:rowOff>16510</xdr:rowOff>
    </xdr:from>
    <xdr:to>
      <xdr:col>19</xdr:col>
      <xdr:colOff>17780</xdr:colOff>
      <xdr:row>120</xdr:row>
      <xdr:rowOff>233680</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1576705" y="23183215"/>
          <a:ext cx="8842375" cy="377952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en-US" altLang="ja-JP" sz="2800">
              <a:latin typeface="BIZ UDP明朝 Medium"/>
              <a:ea typeface="BIZ UDP明朝 Medium"/>
            </a:rPr>
            <a:t>開業届・確定申告書控え（※）</a:t>
          </a:r>
          <a:endParaRPr kumimoji="1" lang="ja-JP" altLang="en-US" sz="2800">
            <a:latin typeface="BIZ UDP明朝 Medium"/>
            <a:ea typeface="BIZ UDP明朝 Medium"/>
          </a:endParaRPr>
        </a:p>
        <a:p>
          <a:r>
            <a:rPr kumimoji="1" lang="ja-JP" altLang="en-US" sz="2800">
              <a:latin typeface="BIZ UDP明朝 Medium"/>
              <a:ea typeface="BIZ UDP明朝 Medium"/>
            </a:rPr>
            <a:t>送信日時（オンライン申請の場合）又は収受日付印が印字されているもの。収受日付印がない場合は、オンライン申請受信通知を添付してください。</a:t>
          </a:r>
        </a:p>
        <a:p>
          <a:endParaRPr kumimoji="1" lang="ja-JP" altLang="en-US" sz="2800">
            <a:latin typeface="BIZ UDP明朝 Medium"/>
            <a:ea typeface="BIZ UDP明朝 Medium"/>
          </a:endParaRPr>
        </a:p>
        <a:p>
          <a:r>
            <a:rPr kumimoji="1" lang="ja-JP" altLang="en-US" sz="2800">
              <a:latin typeface="BIZ UDP明朝 Medium"/>
              <a:ea typeface="BIZ UDP明朝 Medium"/>
            </a:rPr>
            <a:t>その他、事業ＨＰの画面（URL付き）等ほかの書類の添付でも可能で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C203"/>
  <sheetViews>
    <sheetView showZeros="0" tabSelected="1" view="pageBreakPreview" zoomScale="70" zoomScaleSheetLayoutView="70" workbookViewId="0">
      <selection activeCell="S14" sqref="S14"/>
    </sheetView>
  </sheetViews>
  <sheetFormatPr defaultRowHeight="15"/>
  <cols>
    <col min="1" max="1" width="8.25" style="1" customWidth="1"/>
    <col min="2" max="21" width="7.125" style="1" customWidth="1"/>
    <col min="22" max="22" width="7.375" style="1" bestFit="1" customWidth="1"/>
    <col min="23" max="23" width="9" style="1" customWidth="1"/>
    <col min="24" max="16384" width="9" style="1"/>
  </cols>
  <sheetData>
    <row r="1" spans="1:29" ht="27.75" customHeight="1">
      <c r="A1" s="3"/>
      <c r="B1" s="4"/>
      <c r="C1" s="4"/>
      <c r="D1" s="4"/>
      <c r="E1" s="3"/>
      <c r="F1" s="4"/>
      <c r="G1" s="4"/>
      <c r="H1" s="4"/>
      <c r="I1" s="4"/>
      <c r="J1" s="4"/>
      <c r="K1" s="4"/>
      <c r="L1" s="4"/>
      <c r="M1" s="4"/>
      <c r="N1" s="4"/>
      <c r="O1" s="4"/>
      <c r="P1" s="4"/>
      <c r="Q1" s="4"/>
      <c r="R1" s="4"/>
      <c r="S1" s="4"/>
      <c r="T1" s="120" t="s">
        <v>71</v>
      </c>
      <c r="U1" s="121" t="s">
        <v>64</v>
      </c>
      <c r="V1" s="121"/>
    </row>
    <row r="2" spans="1:29" ht="30" customHeight="1">
      <c r="A2" s="4"/>
      <c r="B2" s="4"/>
      <c r="C2" s="4"/>
      <c r="D2" s="4"/>
      <c r="E2" s="114" t="s">
        <v>39</v>
      </c>
      <c r="F2" s="114"/>
      <c r="G2" s="114"/>
      <c r="H2" s="114"/>
      <c r="I2" s="114"/>
      <c r="J2" s="114"/>
      <c r="K2" s="114"/>
      <c r="L2" s="114"/>
      <c r="M2" s="114"/>
      <c r="N2" s="114"/>
      <c r="O2" s="114"/>
      <c r="P2" s="114"/>
      <c r="Q2" s="114"/>
      <c r="R2" s="4"/>
      <c r="S2" s="4"/>
      <c r="T2" s="115"/>
      <c r="U2" s="121"/>
      <c r="V2" s="121"/>
    </row>
    <row r="3" spans="1:29" ht="6.75" customHeight="1">
      <c r="A3" s="4"/>
      <c r="B3" s="4"/>
      <c r="C3" s="4"/>
      <c r="D3" s="4"/>
      <c r="E3" s="36"/>
      <c r="F3" s="36"/>
      <c r="G3" s="36"/>
      <c r="H3" s="36"/>
      <c r="I3" s="36"/>
      <c r="J3" s="36"/>
      <c r="K3" s="36"/>
      <c r="L3" s="36"/>
      <c r="M3" s="36"/>
      <c r="N3" s="36"/>
      <c r="O3" s="36"/>
      <c r="P3" s="36"/>
      <c r="Q3" s="36"/>
      <c r="R3" s="36"/>
      <c r="S3" s="4"/>
      <c r="T3" s="50"/>
      <c r="U3" s="67"/>
      <c r="V3" s="68"/>
    </row>
    <row r="4" spans="1:29" ht="25.5" customHeight="1">
      <c r="A4" s="115" t="s">
        <v>2</v>
      </c>
      <c r="B4" s="115"/>
      <c r="C4" s="115"/>
      <c r="D4" s="115"/>
      <c r="E4" s="115"/>
      <c r="F4" s="115"/>
      <c r="G4" s="116"/>
      <c r="H4" s="116" t="s">
        <v>4</v>
      </c>
      <c r="I4" s="117"/>
      <c r="J4" s="117"/>
      <c r="K4" s="117"/>
      <c r="L4" s="117"/>
      <c r="M4" s="117"/>
      <c r="N4" s="118"/>
      <c r="O4" s="119" t="s">
        <v>21</v>
      </c>
      <c r="P4" s="119"/>
      <c r="Q4" s="119"/>
      <c r="R4" s="116" t="s">
        <v>19</v>
      </c>
      <c r="S4" s="117"/>
      <c r="T4" s="117"/>
      <c r="U4" s="117"/>
      <c r="V4" s="118"/>
    </row>
    <row r="5" spans="1:29" ht="42.95" customHeight="1">
      <c r="A5" s="129"/>
      <c r="B5" s="129"/>
      <c r="C5" s="129"/>
      <c r="D5" s="129"/>
      <c r="E5" s="129"/>
      <c r="F5" s="129"/>
      <c r="G5" s="130"/>
      <c r="H5" s="131" t="s">
        <v>76</v>
      </c>
      <c r="I5" s="132"/>
      <c r="J5" s="51" t="s">
        <v>5</v>
      </c>
      <c r="K5" s="56"/>
      <c r="L5" s="51" t="s">
        <v>6</v>
      </c>
      <c r="M5" s="56"/>
      <c r="N5" s="61" t="s">
        <v>10</v>
      </c>
      <c r="O5" s="133"/>
      <c r="P5" s="133"/>
      <c r="Q5" s="134"/>
      <c r="R5" s="130"/>
      <c r="S5" s="133"/>
      <c r="T5" s="133"/>
      <c r="U5" s="133"/>
      <c r="V5" s="134"/>
    </row>
    <row r="6" spans="1:29" ht="42.95" customHeight="1">
      <c r="A6" s="129"/>
      <c r="B6" s="129"/>
      <c r="C6" s="129"/>
      <c r="D6" s="129"/>
      <c r="E6" s="129"/>
      <c r="F6" s="129"/>
      <c r="G6" s="130"/>
      <c r="H6" s="131" t="s">
        <v>76</v>
      </c>
      <c r="I6" s="132"/>
      <c r="J6" s="51" t="s">
        <v>5</v>
      </c>
      <c r="K6" s="56"/>
      <c r="L6" s="51" t="s">
        <v>6</v>
      </c>
      <c r="M6" s="56"/>
      <c r="N6" s="61" t="s">
        <v>10</v>
      </c>
      <c r="O6" s="133"/>
      <c r="P6" s="133"/>
      <c r="Q6" s="134"/>
      <c r="R6" s="130"/>
      <c r="S6" s="133"/>
      <c r="T6" s="133"/>
      <c r="U6" s="133"/>
      <c r="V6" s="134"/>
    </row>
    <row r="7" spans="1:29" ht="42.95" customHeight="1">
      <c r="A7" s="129"/>
      <c r="B7" s="129"/>
      <c r="C7" s="129"/>
      <c r="D7" s="129"/>
      <c r="E7" s="129"/>
      <c r="F7" s="129"/>
      <c r="G7" s="130"/>
      <c r="H7" s="131" t="s">
        <v>76</v>
      </c>
      <c r="I7" s="132"/>
      <c r="J7" s="51" t="s">
        <v>5</v>
      </c>
      <c r="K7" s="56"/>
      <c r="L7" s="51" t="s">
        <v>6</v>
      </c>
      <c r="M7" s="56"/>
      <c r="N7" s="61" t="s">
        <v>10</v>
      </c>
      <c r="O7" s="133"/>
      <c r="P7" s="133"/>
      <c r="Q7" s="134"/>
      <c r="R7" s="130"/>
      <c r="S7" s="133"/>
      <c r="T7" s="133"/>
      <c r="U7" s="133"/>
      <c r="V7" s="134"/>
      <c r="Z7" s="72"/>
    </row>
    <row r="8" spans="1:29" ht="7.5" customHeight="1">
      <c r="A8" s="5"/>
      <c r="B8" s="5"/>
      <c r="C8" s="5"/>
      <c r="D8" s="5"/>
      <c r="E8" s="5"/>
      <c r="F8" s="5"/>
      <c r="G8" s="5"/>
      <c r="H8" s="5"/>
      <c r="I8" s="5"/>
      <c r="J8" s="52"/>
      <c r="K8" s="5"/>
      <c r="L8" s="52"/>
      <c r="M8" s="5"/>
      <c r="N8" s="52"/>
      <c r="O8" s="5"/>
      <c r="P8" s="5"/>
      <c r="Q8" s="5"/>
      <c r="R8" s="5"/>
      <c r="S8" s="5"/>
      <c r="T8" s="5"/>
      <c r="U8" s="5"/>
      <c r="V8" s="5"/>
    </row>
    <row r="9" spans="1:29" ht="23.25" customHeight="1">
      <c r="A9" s="6"/>
      <c r="B9" s="6"/>
      <c r="C9" s="6"/>
      <c r="D9" s="6"/>
      <c r="E9" s="37"/>
      <c r="F9" s="37"/>
      <c r="G9" s="37"/>
      <c r="H9" s="37"/>
      <c r="I9" s="37"/>
      <c r="J9" s="37"/>
      <c r="K9" s="37"/>
      <c r="L9" s="135" t="s">
        <v>52</v>
      </c>
      <c r="M9" s="135"/>
      <c r="N9" s="62"/>
      <c r="O9" s="30" t="s">
        <v>5</v>
      </c>
      <c r="P9" s="62"/>
      <c r="Q9" s="30" t="s">
        <v>6</v>
      </c>
      <c r="R9" s="113"/>
      <c r="S9" s="113"/>
      <c r="T9" s="20" t="s">
        <v>10</v>
      </c>
      <c r="U9" s="20"/>
      <c r="V9" s="69"/>
    </row>
    <row r="10" spans="1:29" ht="26.25" customHeight="1">
      <c r="A10" s="6"/>
      <c r="B10" s="6"/>
      <c r="C10" s="140" t="s">
        <v>47</v>
      </c>
      <c r="D10" s="140"/>
      <c r="E10" s="140"/>
      <c r="F10" s="141"/>
      <c r="G10" s="141"/>
      <c r="H10" s="141"/>
      <c r="I10" s="141"/>
      <c r="J10" s="140" t="s">
        <v>8</v>
      </c>
      <c r="K10" s="140"/>
      <c r="L10" s="140"/>
      <c r="M10" s="140"/>
      <c r="N10" s="142" t="s">
        <v>57</v>
      </c>
      <c r="O10" s="142"/>
      <c r="P10" s="142"/>
      <c r="Q10" s="142"/>
      <c r="R10" s="142"/>
      <c r="S10" s="65" t="str">
        <f>IF(N10="その他","（","")</f>
        <v/>
      </c>
      <c r="T10" s="143"/>
      <c r="U10" s="143"/>
      <c r="V10" s="70" t="str">
        <f>IF(N10="その他","）","")</f>
        <v/>
      </c>
      <c r="AB10" s="73"/>
    </row>
    <row r="11" spans="1:29" ht="12" customHeight="1">
      <c r="A11" s="6"/>
      <c r="B11" s="6"/>
      <c r="C11" s="6"/>
      <c r="D11" s="6"/>
      <c r="E11" s="6"/>
      <c r="F11" s="6"/>
      <c r="G11" s="6"/>
      <c r="H11" s="6"/>
      <c r="I11" s="6"/>
      <c r="J11" s="6"/>
      <c r="K11" s="6"/>
      <c r="L11" s="6"/>
      <c r="M11" s="6"/>
      <c r="N11" s="6"/>
      <c r="O11" s="6"/>
      <c r="P11" s="6"/>
      <c r="Q11" s="6"/>
      <c r="R11" s="6"/>
      <c r="S11" s="6"/>
      <c r="T11" s="6"/>
      <c r="U11" s="6"/>
      <c r="V11" s="6"/>
    </row>
    <row r="12" spans="1:29" ht="31.5" customHeight="1">
      <c r="A12" s="7" t="s">
        <v>7</v>
      </c>
      <c r="B12" s="6"/>
      <c r="C12" s="6"/>
      <c r="D12" s="6"/>
      <c r="E12" s="6"/>
      <c r="F12" s="6"/>
      <c r="G12" s="6"/>
      <c r="H12" s="6"/>
      <c r="I12" s="6"/>
      <c r="J12" s="6"/>
      <c r="K12" s="6"/>
      <c r="L12" s="6"/>
      <c r="M12" s="6"/>
      <c r="N12" s="6"/>
      <c r="O12" s="6"/>
      <c r="P12" s="6"/>
      <c r="Q12" s="6"/>
      <c r="R12" s="6"/>
      <c r="S12" s="6"/>
      <c r="T12" s="6"/>
      <c r="U12" s="6"/>
      <c r="V12" s="6"/>
    </row>
    <row r="13" spans="1:29" s="2" customFormat="1" ht="27" customHeight="1">
      <c r="A13" s="8" t="s">
        <v>23</v>
      </c>
      <c r="B13" s="8"/>
      <c r="C13" s="8"/>
      <c r="D13" s="8"/>
      <c r="E13" s="8"/>
      <c r="F13" s="8"/>
      <c r="G13" s="8"/>
      <c r="H13" s="8"/>
      <c r="I13" s="8"/>
      <c r="J13" s="8"/>
      <c r="K13" s="8"/>
      <c r="L13" s="8"/>
      <c r="M13" s="8"/>
      <c r="N13" s="8"/>
      <c r="O13" s="8"/>
      <c r="P13" s="8"/>
      <c r="Q13" s="8"/>
      <c r="R13" s="44"/>
      <c r="S13" s="44"/>
      <c r="T13" s="44"/>
      <c r="U13" s="44"/>
      <c r="V13" s="44"/>
      <c r="AC13" s="74"/>
    </row>
    <row r="14" spans="1:29" s="2" customFormat="1" ht="27" customHeight="1">
      <c r="A14" s="9" t="s">
        <v>13</v>
      </c>
      <c r="B14" s="144" t="s">
        <v>20</v>
      </c>
      <c r="C14" s="144"/>
      <c r="D14" s="33"/>
      <c r="E14" s="9" t="s">
        <v>13</v>
      </c>
      <c r="F14" s="144" t="s">
        <v>22</v>
      </c>
      <c r="G14" s="144"/>
      <c r="H14" s="43"/>
      <c r="I14" s="9" t="s">
        <v>13</v>
      </c>
      <c r="J14" s="144" t="s">
        <v>24</v>
      </c>
      <c r="K14" s="144"/>
      <c r="L14" s="33"/>
      <c r="M14" s="9" t="s">
        <v>13</v>
      </c>
      <c r="N14" s="144" t="s">
        <v>26</v>
      </c>
      <c r="O14" s="144"/>
      <c r="P14" s="33"/>
      <c r="Q14" s="30"/>
      <c r="R14" s="44"/>
      <c r="S14" s="44"/>
      <c r="T14" s="44"/>
      <c r="U14" s="44"/>
      <c r="V14" s="44"/>
    </row>
    <row r="15" spans="1:29" s="2" customFormat="1" ht="27" customHeight="1">
      <c r="A15" s="10" t="s">
        <v>68</v>
      </c>
      <c r="B15" s="17"/>
      <c r="C15" s="17"/>
      <c r="D15" s="10"/>
      <c r="E15" s="30"/>
      <c r="F15" s="17"/>
      <c r="G15" s="17"/>
      <c r="H15" s="44"/>
      <c r="I15" s="30"/>
      <c r="J15" s="17"/>
      <c r="K15" s="17"/>
      <c r="L15" s="10"/>
      <c r="M15" s="30"/>
      <c r="N15" s="17"/>
      <c r="O15" s="17"/>
      <c r="P15" s="10"/>
      <c r="Q15" s="30"/>
      <c r="R15" s="44"/>
      <c r="S15" s="44"/>
      <c r="T15" s="44"/>
      <c r="U15" s="44"/>
      <c r="V15" s="44"/>
    </row>
    <row r="16" spans="1:29" s="2" customFormat="1" ht="27" customHeight="1">
      <c r="A16" s="9" t="s">
        <v>13</v>
      </c>
      <c r="B16" s="18" t="s">
        <v>55</v>
      </c>
      <c r="C16" s="27"/>
      <c r="D16" s="27"/>
      <c r="E16" s="27"/>
      <c r="F16" s="27"/>
      <c r="G16" s="27"/>
      <c r="H16" s="45"/>
      <c r="I16" s="45"/>
      <c r="J16" s="53"/>
      <c r="K16" s="47"/>
      <c r="L16" s="13"/>
      <c r="M16" s="122" t="s">
        <v>69</v>
      </c>
      <c r="N16" s="122"/>
      <c r="O16" s="122"/>
      <c r="P16" s="122"/>
      <c r="Q16" s="122"/>
      <c r="R16" s="122"/>
      <c r="S16" s="122"/>
      <c r="T16" s="122"/>
      <c r="U16" s="122"/>
      <c r="V16" s="122"/>
    </row>
    <row r="17" spans="1:22" s="2" customFormat="1" ht="27" customHeight="1">
      <c r="A17" s="11" t="s">
        <v>13</v>
      </c>
      <c r="B17" s="19" t="s">
        <v>11</v>
      </c>
      <c r="C17" s="28"/>
      <c r="D17" s="28"/>
      <c r="E17" s="28"/>
      <c r="F17" s="28"/>
      <c r="G17" s="28"/>
      <c r="H17" s="46"/>
      <c r="I17" s="46"/>
      <c r="J17" s="54"/>
      <c r="K17" s="47"/>
      <c r="L17" s="13"/>
      <c r="M17" s="122"/>
      <c r="N17" s="122"/>
      <c r="O17" s="122"/>
      <c r="P17" s="122"/>
      <c r="Q17" s="122"/>
      <c r="R17" s="122"/>
      <c r="S17" s="122"/>
      <c r="T17" s="122"/>
      <c r="U17" s="122"/>
      <c r="V17" s="122"/>
    </row>
    <row r="18" spans="1:22" s="2" customFormat="1" ht="27" customHeight="1">
      <c r="A18" s="12" t="s">
        <v>78</v>
      </c>
      <c r="B18" s="20"/>
      <c r="C18" s="21"/>
      <c r="D18" s="21"/>
      <c r="E18" s="21"/>
      <c r="F18" s="21"/>
      <c r="G18" s="21"/>
      <c r="H18" s="47"/>
      <c r="I18" s="47"/>
      <c r="J18" s="47"/>
      <c r="K18" s="47"/>
      <c r="L18" s="13"/>
      <c r="M18" s="59"/>
      <c r="N18" s="59"/>
      <c r="O18" s="59"/>
      <c r="P18" s="59"/>
      <c r="Q18" s="59"/>
      <c r="R18" s="59"/>
      <c r="S18" s="59"/>
      <c r="T18" s="59"/>
      <c r="U18" s="59"/>
      <c r="V18" s="59"/>
    </row>
    <row r="19" spans="1:22" s="2" customFormat="1" ht="17.25" customHeight="1">
      <c r="A19" s="13"/>
      <c r="B19" s="21"/>
      <c r="C19" s="21"/>
      <c r="D19" s="21"/>
      <c r="E19" s="21"/>
      <c r="F19" s="21"/>
      <c r="G19" s="21"/>
      <c r="H19" s="47"/>
      <c r="I19" s="47"/>
      <c r="J19" s="47"/>
      <c r="K19" s="47"/>
      <c r="L19" s="47"/>
      <c r="M19" s="47"/>
      <c r="N19" s="47"/>
      <c r="O19" s="44"/>
      <c r="P19" s="44"/>
      <c r="Q19" s="44"/>
      <c r="R19" s="44"/>
      <c r="S19" s="44"/>
      <c r="T19" s="44"/>
      <c r="U19" s="44"/>
      <c r="V19" s="44"/>
    </row>
    <row r="20" spans="1:22" s="2" customFormat="1" ht="23.45" customHeight="1">
      <c r="A20" s="104" t="s">
        <v>60</v>
      </c>
      <c r="B20" s="104"/>
      <c r="C20" s="104"/>
      <c r="D20" s="104"/>
      <c r="E20" s="104"/>
      <c r="F20" s="104"/>
      <c r="G20" s="104"/>
      <c r="H20" s="104"/>
      <c r="I20" s="104"/>
      <c r="J20" s="104"/>
      <c r="K20" s="104"/>
      <c r="L20" s="104"/>
      <c r="M20" s="104"/>
      <c r="N20" s="104"/>
      <c r="O20" s="104"/>
      <c r="P20" s="104"/>
      <c r="Q20" s="104"/>
      <c r="R20" s="104"/>
      <c r="S20" s="104"/>
      <c r="T20" s="104"/>
      <c r="U20" s="104"/>
      <c r="V20" s="104"/>
    </row>
    <row r="21" spans="1:22" ht="23.45" customHeight="1">
      <c r="A21" s="14"/>
      <c r="B21" s="136" t="s">
        <v>59</v>
      </c>
      <c r="C21" s="136"/>
      <c r="D21" s="136"/>
      <c r="E21" s="136" t="s">
        <v>28</v>
      </c>
      <c r="F21" s="136"/>
      <c r="G21" s="136"/>
      <c r="H21" s="136" t="s">
        <v>29</v>
      </c>
      <c r="I21" s="136"/>
      <c r="J21" s="136"/>
      <c r="K21" s="136" t="s">
        <v>3</v>
      </c>
      <c r="L21" s="136"/>
      <c r="M21" s="136"/>
      <c r="N21" s="136" t="s">
        <v>31</v>
      </c>
      <c r="O21" s="136"/>
      <c r="P21" s="136"/>
      <c r="Q21" s="136" t="s">
        <v>32</v>
      </c>
      <c r="R21" s="136"/>
      <c r="S21" s="136"/>
      <c r="T21" s="136" t="s">
        <v>30</v>
      </c>
      <c r="U21" s="136"/>
      <c r="V21" s="136"/>
    </row>
    <row r="22" spans="1:22" ht="11.85" customHeight="1">
      <c r="A22" s="15" t="s">
        <v>27</v>
      </c>
      <c r="B22" s="123"/>
      <c r="C22" s="124"/>
      <c r="D22" s="125"/>
      <c r="E22" s="123"/>
      <c r="F22" s="124"/>
      <c r="G22" s="125"/>
      <c r="H22" s="123"/>
      <c r="I22" s="124"/>
      <c r="J22" s="125"/>
      <c r="K22" s="123"/>
      <c r="L22" s="124"/>
      <c r="M22" s="125"/>
      <c r="N22" s="123"/>
      <c r="O22" s="124"/>
      <c r="P22" s="125"/>
      <c r="Q22" s="123"/>
      <c r="R22" s="124"/>
      <c r="S22" s="125"/>
      <c r="T22" s="123"/>
      <c r="U22" s="124"/>
      <c r="V22" s="125"/>
    </row>
    <row r="23" spans="1:22" ht="11.85" customHeight="1">
      <c r="A23" s="111">
        <v>0.25</v>
      </c>
      <c r="B23" s="108"/>
      <c r="C23" s="109"/>
      <c r="D23" s="110"/>
      <c r="E23" s="108"/>
      <c r="F23" s="109"/>
      <c r="G23" s="110"/>
      <c r="H23" s="126"/>
      <c r="I23" s="127"/>
      <c r="J23" s="128"/>
      <c r="K23" s="108"/>
      <c r="L23" s="109"/>
      <c r="M23" s="110"/>
      <c r="N23" s="108"/>
      <c r="O23" s="109"/>
      <c r="P23" s="110"/>
      <c r="Q23" s="108"/>
      <c r="R23" s="109"/>
      <c r="S23" s="110"/>
      <c r="T23" s="108"/>
      <c r="U23" s="109"/>
      <c r="V23" s="110"/>
    </row>
    <row r="24" spans="1:22" ht="11.85" customHeight="1">
      <c r="A24" s="111"/>
      <c r="B24" s="105"/>
      <c r="C24" s="106"/>
      <c r="D24" s="107"/>
      <c r="E24" s="105"/>
      <c r="F24" s="106"/>
      <c r="G24" s="107"/>
      <c r="H24" s="105"/>
      <c r="I24" s="106"/>
      <c r="J24" s="107"/>
      <c r="K24" s="105"/>
      <c r="L24" s="106"/>
      <c r="M24" s="107"/>
      <c r="N24" s="105"/>
      <c r="O24" s="106"/>
      <c r="P24" s="107"/>
      <c r="Q24" s="105"/>
      <c r="R24" s="106"/>
      <c r="S24" s="107"/>
      <c r="T24" s="105"/>
      <c r="U24" s="106"/>
      <c r="V24" s="107"/>
    </row>
    <row r="25" spans="1:22" ht="11.85" customHeight="1">
      <c r="A25" s="111">
        <v>0.29166666666666669</v>
      </c>
      <c r="B25" s="108"/>
      <c r="C25" s="109"/>
      <c r="D25" s="110"/>
      <c r="E25" s="108"/>
      <c r="F25" s="109"/>
      <c r="G25" s="110"/>
      <c r="H25" s="108"/>
      <c r="I25" s="109"/>
      <c r="J25" s="110"/>
      <c r="K25" s="108"/>
      <c r="L25" s="109"/>
      <c r="M25" s="110"/>
      <c r="N25" s="108"/>
      <c r="O25" s="109"/>
      <c r="P25" s="110"/>
      <c r="Q25" s="108"/>
      <c r="R25" s="109"/>
      <c r="S25" s="110"/>
      <c r="T25" s="108"/>
      <c r="U25" s="109"/>
      <c r="V25" s="110"/>
    </row>
    <row r="26" spans="1:22" ht="11.85" customHeight="1">
      <c r="A26" s="111"/>
      <c r="B26" s="105"/>
      <c r="C26" s="106"/>
      <c r="D26" s="107"/>
      <c r="E26" s="105"/>
      <c r="F26" s="106"/>
      <c r="G26" s="107"/>
      <c r="H26" s="105"/>
      <c r="I26" s="106"/>
      <c r="J26" s="107"/>
      <c r="K26" s="105"/>
      <c r="L26" s="106"/>
      <c r="M26" s="107"/>
      <c r="N26" s="105"/>
      <c r="O26" s="106"/>
      <c r="P26" s="107"/>
      <c r="Q26" s="105"/>
      <c r="R26" s="106"/>
      <c r="S26" s="107"/>
      <c r="T26" s="105"/>
      <c r="U26" s="106"/>
      <c r="V26" s="107"/>
    </row>
    <row r="27" spans="1:22" ht="11.85" customHeight="1">
      <c r="A27" s="111">
        <v>0.33333333333333331</v>
      </c>
      <c r="B27" s="108"/>
      <c r="C27" s="109"/>
      <c r="D27" s="110"/>
      <c r="E27" s="108"/>
      <c r="F27" s="109"/>
      <c r="G27" s="110"/>
      <c r="H27" s="108"/>
      <c r="I27" s="109"/>
      <c r="J27" s="110"/>
      <c r="K27" s="108"/>
      <c r="L27" s="109"/>
      <c r="M27" s="110"/>
      <c r="N27" s="108"/>
      <c r="O27" s="109"/>
      <c r="P27" s="110"/>
      <c r="Q27" s="108"/>
      <c r="R27" s="109"/>
      <c r="S27" s="110"/>
      <c r="T27" s="108"/>
      <c r="U27" s="109"/>
      <c r="V27" s="110"/>
    </row>
    <row r="28" spans="1:22" ht="11.85" customHeight="1">
      <c r="A28" s="111"/>
      <c r="B28" s="105"/>
      <c r="C28" s="106"/>
      <c r="D28" s="107"/>
      <c r="E28" s="105"/>
      <c r="F28" s="106"/>
      <c r="G28" s="107"/>
      <c r="H28" s="105"/>
      <c r="I28" s="106"/>
      <c r="J28" s="107"/>
      <c r="K28" s="105"/>
      <c r="L28" s="106"/>
      <c r="M28" s="107"/>
      <c r="N28" s="105"/>
      <c r="O28" s="106"/>
      <c r="P28" s="107"/>
      <c r="Q28" s="105"/>
      <c r="R28" s="106"/>
      <c r="S28" s="107"/>
      <c r="T28" s="105"/>
      <c r="U28" s="106"/>
      <c r="V28" s="107"/>
    </row>
    <row r="29" spans="1:22" ht="11.85" customHeight="1">
      <c r="A29" s="111">
        <v>0.375</v>
      </c>
      <c r="B29" s="108"/>
      <c r="C29" s="109"/>
      <c r="D29" s="110"/>
      <c r="E29" s="108"/>
      <c r="F29" s="109"/>
      <c r="G29" s="110"/>
      <c r="H29" s="108"/>
      <c r="I29" s="109"/>
      <c r="J29" s="110"/>
      <c r="K29" s="108"/>
      <c r="L29" s="109"/>
      <c r="M29" s="110"/>
      <c r="N29" s="108"/>
      <c r="O29" s="109"/>
      <c r="P29" s="110"/>
      <c r="Q29" s="108"/>
      <c r="R29" s="109"/>
      <c r="S29" s="110"/>
      <c r="T29" s="108"/>
      <c r="U29" s="109"/>
      <c r="V29" s="110"/>
    </row>
    <row r="30" spans="1:22" ht="11.85" customHeight="1">
      <c r="A30" s="111"/>
      <c r="B30" s="105"/>
      <c r="C30" s="106"/>
      <c r="D30" s="107"/>
      <c r="E30" s="105"/>
      <c r="F30" s="106"/>
      <c r="G30" s="107"/>
      <c r="H30" s="105"/>
      <c r="I30" s="106"/>
      <c r="J30" s="107"/>
      <c r="K30" s="105"/>
      <c r="L30" s="106"/>
      <c r="M30" s="107"/>
      <c r="N30" s="105"/>
      <c r="O30" s="106"/>
      <c r="P30" s="107"/>
      <c r="Q30" s="105"/>
      <c r="R30" s="106"/>
      <c r="S30" s="107"/>
      <c r="T30" s="105"/>
      <c r="U30" s="106"/>
      <c r="V30" s="107"/>
    </row>
    <row r="31" spans="1:22" ht="11.85" customHeight="1">
      <c r="A31" s="111">
        <v>0.41666666666666669</v>
      </c>
      <c r="B31" s="108"/>
      <c r="C31" s="109"/>
      <c r="D31" s="110"/>
      <c r="E31" s="108"/>
      <c r="F31" s="109"/>
      <c r="G31" s="110"/>
      <c r="H31" s="108"/>
      <c r="I31" s="109"/>
      <c r="J31" s="110"/>
      <c r="K31" s="108"/>
      <c r="L31" s="109"/>
      <c r="M31" s="110"/>
      <c r="N31" s="108"/>
      <c r="O31" s="109"/>
      <c r="P31" s="110"/>
      <c r="Q31" s="108"/>
      <c r="R31" s="109"/>
      <c r="S31" s="110"/>
      <c r="T31" s="108"/>
      <c r="U31" s="109"/>
      <c r="V31" s="110"/>
    </row>
    <row r="32" spans="1:22" ht="11.85" customHeight="1">
      <c r="A32" s="111"/>
      <c r="B32" s="105"/>
      <c r="C32" s="106"/>
      <c r="D32" s="107"/>
      <c r="E32" s="105"/>
      <c r="F32" s="106"/>
      <c r="G32" s="107"/>
      <c r="H32" s="105"/>
      <c r="I32" s="106"/>
      <c r="J32" s="107"/>
      <c r="K32" s="105"/>
      <c r="L32" s="106"/>
      <c r="M32" s="107"/>
      <c r="N32" s="105"/>
      <c r="O32" s="106"/>
      <c r="P32" s="107"/>
      <c r="Q32" s="105"/>
      <c r="R32" s="106"/>
      <c r="S32" s="107"/>
      <c r="T32" s="105"/>
      <c r="U32" s="106"/>
      <c r="V32" s="107"/>
    </row>
    <row r="33" spans="1:29" ht="11.85" customHeight="1">
      <c r="A33" s="111">
        <v>0.45833333333333331</v>
      </c>
      <c r="B33" s="108"/>
      <c r="C33" s="109"/>
      <c r="D33" s="110"/>
      <c r="E33" s="108"/>
      <c r="F33" s="109"/>
      <c r="G33" s="110"/>
      <c r="H33" s="108"/>
      <c r="I33" s="109"/>
      <c r="J33" s="110"/>
      <c r="K33" s="108"/>
      <c r="L33" s="109"/>
      <c r="M33" s="110"/>
      <c r="N33" s="108"/>
      <c r="O33" s="109"/>
      <c r="P33" s="110"/>
      <c r="Q33" s="108"/>
      <c r="R33" s="109"/>
      <c r="S33" s="110"/>
      <c r="T33" s="108"/>
      <c r="U33" s="109"/>
      <c r="V33" s="110"/>
    </row>
    <row r="34" spans="1:29" ht="11.85" customHeight="1">
      <c r="A34" s="111"/>
      <c r="B34" s="105"/>
      <c r="C34" s="106"/>
      <c r="D34" s="107"/>
      <c r="E34" s="105"/>
      <c r="F34" s="106"/>
      <c r="G34" s="107"/>
      <c r="H34" s="105"/>
      <c r="I34" s="106"/>
      <c r="J34" s="107"/>
      <c r="K34" s="105"/>
      <c r="L34" s="106"/>
      <c r="M34" s="107"/>
      <c r="N34" s="105"/>
      <c r="O34" s="106"/>
      <c r="P34" s="107"/>
      <c r="Q34" s="105"/>
      <c r="R34" s="106"/>
      <c r="S34" s="107"/>
      <c r="T34" s="105"/>
      <c r="U34" s="106"/>
      <c r="V34" s="107"/>
    </row>
    <row r="35" spans="1:29" ht="11.85" customHeight="1">
      <c r="A35" s="111">
        <v>0.5</v>
      </c>
      <c r="B35" s="108"/>
      <c r="C35" s="109"/>
      <c r="D35" s="110"/>
      <c r="E35" s="108"/>
      <c r="F35" s="109"/>
      <c r="G35" s="110"/>
      <c r="H35" s="108"/>
      <c r="I35" s="109"/>
      <c r="J35" s="110"/>
      <c r="K35" s="108"/>
      <c r="L35" s="109"/>
      <c r="M35" s="110"/>
      <c r="N35" s="108"/>
      <c r="O35" s="109"/>
      <c r="P35" s="110"/>
      <c r="Q35" s="108"/>
      <c r="R35" s="109"/>
      <c r="S35" s="110"/>
      <c r="T35" s="108"/>
      <c r="U35" s="109"/>
      <c r="V35" s="110"/>
    </row>
    <row r="36" spans="1:29" ht="11.85" customHeight="1">
      <c r="A36" s="111"/>
      <c r="B36" s="105"/>
      <c r="C36" s="106"/>
      <c r="D36" s="107"/>
      <c r="E36" s="105"/>
      <c r="F36" s="106"/>
      <c r="G36" s="107"/>
      <c r="H36" s="105"/>
      <c r="I36" s="106"/>
      <c r="J36" s="107"/>
      <c r="K36" s="105"/>
      <c r="L36" s="106"/>
      <c r="M36" s="107"/>
      <c r="N36" s="105"/>
      <c r="O36" s="106"/>
      <c r="P36" s="107"/>
      <c r="Q36" s="105"/>
      <c r="R36" s="106"/>
      <c r="S36" s="107"/>
      <c r="T36" s="105"/>
      <c r="U36" s="106"/>
      <c r="V36" s="107"/>
    </row>
    <row r="37" spans="1:29" ht="11.85" customHeight="1">
      <c r="A37" s="111">
        <v>0.54166666666666663</v>
      </c>
      <c r="B37" s="108"/>
      <c r="C37" s="109"/>
      <c r="D37" s="110"/>
      <c r="E37" s="108"/>
      <c r="F37" s="109"/>
      <c r="G37" s="110"/>
      <c r="H37" s="108"/>
      <c r="I37" s="109"/>
      <c r="J37" s="110"/>
      <c r="K37" s="108"/>
      <c r="L37" s="109"/>
      <c r="M37" s="110"/>
      <c r="N37" s="108"/>
      <c r="O37" s="109"/>
      <c r="P37" s="110"/>
      <c r="Q37" s="108"/>
      <c r="R37" s="109"/>
      <c r="S37" s="110"/>
      <c r="T37" s="108"/>
      <c r="U37" s="109"/>
      <c r="V37" s="110"/>
      <c r="AC37" s="75"/>
    </row>
    <row r="38" spans="1:29" ht="11.85" customHeight="1">
      <c r="A38" s="111"/>
      <c r="B38" s="105"/>
      <c r="C38" s="106"/>
      <c r="D38" s="107"/>
      <c r="E38" s="105"/>
      <c r="F38" s="106"/>
      <c r="G38" s="107"/>
      <c r="H38" s="105"/>
      <c r="I38" s="106"/>
      <c r="J38" s="107"/>
      <c r="K38" s="105"/>
      <c r="L38" s="106"/>
      <c r="M38" s="107"/>
      <c r="N38" s="105"/>
      <c r="O38" s="106"/>
      <c r="P38" s="107"/>
      <c r="Q38" s="105"/>
      <c r="R38" s="106"/>
      <c r="S38" s="107"/>
      <c r="T38" s="105"/>
      <c r="U38" s="106"/>
      <c r="V38" s="107"/>
    </row>
    <row r="39" spans="1:29" ht="11.85" customHeight="1">
      <c r="A39" s="111">
        <v>0.58333333333333337</v>
      </c>
      <c r="B39" s="108"/>
      <c r="C39" s="109"/>
      <c r="D39" s="110"/>
      <c r="E39" s="108"/>
      <c r="F39" s="109"/>
      <c r="G39" s="110"/>
      <c r="H39" s="108"/>
      <c r="I39" s="109"/>
      <c r="J39" s="110"/>
      <c r="K39" s="108"/>
      <c r="L39" s="109"/>
      <c r="M39" s="110"/>
      <c r="N39" s="108"/>
      <c r="O39" s="109"/>
      <c r="P39" s="110"/>
      <c r="Q39" s="108"/>
      <c r="R39" s="109"/>
      <c r="S39" s="110"/>
      <c r="T39" s="108"/>
      <c r="U39" s="109"/>
      <c r="V39" s="110"/>
    </row>
    <row r="40" spans="1:29" ht="11.85" customHeight="1">
      <c r="A40" s="111"/>
      <c r="B40" s="105"/>
      <c r="C40" s="106"/>
      <c r="D40" s="107"/>
      <c r="E40" s="105"/>
      <c r="F40" s="106"/>
      <c r="G40" s="107"/>
      <c r="H40" s="105"/>
      <c r="I40" s="106"/>
      <c r="J40" s="107"/>
      <c r="K40" s="105"/>
      <c r="L40" s="106"/>
      <c r="M40" s="107"/>
      <c r="N40" s="105"/>
      <c r="O40" s="106"/>
      <c r="P40" s="107"/>
      <c r="Q40" s="105"/>
      <c r="R40" s="106"/>
      <c r="S40" s="107"/>
      <c r="T40" s="105"/>
      <c r="U40" s="106"/>
      <c r="V40" s="107"/>
    </row>
    <row r="41" spans="1:29" ht="11.85" customHeight="1">
      <c r="A41" s="111">
        <v>0.625</v>
      </c>
      <c r="B41" s="108"/>
      <c r="C41" s="109"/>
      <c r="D41" s="110"/>
      <c r="E41" s="108"/>
      <c r="F41" s="109"/>
      <c r="G41" s="110"/>
      <c r="H41" s="108"/>
      <c r="I41" s="109"/>
      <c r="J41" s="110"/>
      <c r="K41" s="108"/>
      <c r="L41" s="109"/>
      <c r="M41" s="110"/>
      <c r="N41" s="108"/>
      <c r="O41" s="109"/>
      <c r="P41" s="110"/>
      <c r="Q41" s="108"/>
      <c r="R41" s="109"/>
      <c r="S41" s="110"/>
      <c r="T41" s="108"/>
      <c r="U41" s="109"/>
      <c r="V41" s="110"/>
    </row>
    <row r="42" spans="1:29" ht="11.85" customHeight="1">
      <c r="A42" s="111"/>
      <c r="B42" s="105"/>
      <c r="C42" s="106"/>
      <c r="D42" s="107"/>
      <c r="E42" s="105"/>
      <c r="F42" s="106"/>
      <c r="G42" s="107"/>
      <c r="H42" s="105"/>
      <c r="I42" s="106"/>
      <c r="J42" s="107"/>
      <c r="K42" s="105"/>
      <c r="L42" s="106"/>
      <c r="M42" s="107"/>
      <c r="N42" s="105"/>
      <c r="O42" s="106"/>
      <c r="P42" s="107"/>
      <c r="Q42" s="105"/>
      <c r="R42" s="106"/>
      <c r="S42" s="107"/>
      <c r="T42" s="105"/>
      <c r="U42" s="106"/>
      <c r="V42" s="107"/>
    </row>
    <row r="43" spans="1:29" ht="11.85" customHeight="1">
      <c r="A43" s="111">
        <v>0.66666666666666663</v>
      </c>
      <c r="B43" s="108"/>
      <c r="C43" s="109"/>
      <c r="D43" s="110"/>
      <c r="E43" s="108"/>
      <c r="F43" s="109"/>
      <c r="G43" s="110"/>
      <c r="H43" s="108"/>
      <c r="I43" s="109"/>
      <c r="J43" s="110"/>
      <c r="K43" s="108"/>
      <c r="L43" s="109"/>
      <c r="M43" s="110"/>
      <c r="N43" s="108"/>
      <c r="O43" s="109"/>
      <c r="P43" s="110"/>
      <c r="Q43" s="108"/>
      <c r="R43" s="109"/>
      <c r="S43" s="110"/>
      <c r="T43" s="108"/>
      <c r="U43" s="109"/>
      <c r="V43" s="110"/>
    </row>
    <row r="44" spans="1:29" ht="11.85" customHeight="1">
      <c r="A44" s="111"/>
      <c r="B44" s="105"/>
      <c r="C44" s="106"/>
      <c r="D44" s="107"/>
      <c r="E44" s="105"/>
      <c r="F44" s="106"/>
      <c r="G44" s="107"/>
      <c r="H44" s="105"/>
      <c r="I44" s="106"/>
      <c r="J44" s="107"/>
      <c r="K44" s="105"/>
      <c r="L44" s="106"/>
      <c r="M44" s="107"/>
      <c r="N44" s="105"/>
      <c r="O44" s="106"/>
      <c r="P44" s="107"/>
      <c r="Q44" s="105"/>
      <c r="R44" s="106"/>
      <c r="S44" s="107"/>
      <c r="T44" s="105"/>
      <c r="U44" s="106"/>
      <c r="V44" s="107"/>
    </row>
    <row r="45" spans="1:29" ht="11.85" customHeight="1">
      <c r="A45" s="111">
        <v>0.70833333333333337</v>
      </c>
      <c r="B45" s="108"/>
      <c r="C45" s="109"/>
      <c r="D45" s="110"/>
      <c r="E45" s="108"/>
      <c r="F45" s="109"/>
      <c r="G45" s="110"/>
      <c r="H45" s="108"/>
      <c r="I45" s="109"/>
      <c r="J45" s="110"/>
      <c r="K45" s="108"/>
      <c r="L45" s="109"/>
      <c r="M45" s="110"/>
      <c r="N45" s="108"/>
      <c r="O45" s="109"/>
      <c r="P45" s="110"/>
      <c r="Q45" s="108"/>
      <c r="R45" s="109"/>
      <c r="S45" s="110"/>
      <c r="T45" s="108"/>
      <c r="U45" s="109"/>
      <c r="V45" s="110"/>
    </row>
    <row r="46" spans="1:29" ht="11.85" customHeight="1">
      <c r="A46" s="111"/>
      <c r="B46" s="105"/>
      <c r="C46" s="106"/>
      <c r="D46" s="107"/>
      <c r="E46" s="105"/>
      <c r="F46" s="106"/>
      <c r="G46" s="107"/>
      <c r="H46" s="105"/>
      <c r="I46" s="106"/>
      <c r="J46" s="107"/>
      <c r="K46" s="105"/>
      <c r="L46" s="106"/>
      <c r="M46" s="107"/>
      <c r="N46" s="105"/>
      <c r="O46" s="106"/>
      <c r="P46" s="107"/>
      <c r="Q46" s="105"/>
      <c r="R46" s="106"/>
      <c r="S46" s="107"/>
      <c r="T46" s="105"/>
      <c r="U46" s="106"/>
      <c r="V46" s="107"/>
    </row>
    <row r="47" spans="1:29" ht="11.85" customHeight="1">
      <c r="A47" s="111">
        <v>0.75</v>
      </c>
      <c r="B47" s="108"/>
      <c r="C47" s="109"/>
      <c r="D47" s="110"/>
      <c r="E47" s="108"/>
      <c r="F47" s="109"/>
      <c r="G47" s="110"/>
      <c r="H47" s="108"/>
      <c r="I47" s="109"/>
      <c r="J47" s="110"/>
      <c r="K47" s="108"/>
      <c r="L47" s="109"/>
      <c r="M47" s="110"/>
      <c r="N47" s="108"/>
      <c r="O47" s="109"/>
      <c r="P47" s="110"/>
      <c r="Q47" s="108"/>
      <c r="R47" s="109"/>
      <c r="S47" s="110"/>
      <c r="T47" s="108"/>
      <c r="U47" s="109"/>
      <c r="V47" s="110"/>
    </row>
    <row r="48" spans="1:29" ht="11.85" customHeight="1">
      <c r="A48" s="111"/>
      <c r="B48" s="105"/>
      <c r="C48" s="106"/>
      <c r="D48" s="107"/>
      <c r="E48" s="105"/>
      <c r="F48" s="106"/>
      <c r="G48" s="107"/>
      <c r="H48" s="105"/>
      <c r="I48" s="106"/>
      <c r="J48" s="107"/>
      <c r="K48" s="105"/>
      <c r="L48" s="106"/>
      <c r="M48" s="107"/>
      <c r="N48" s="105"/>
      <c r="O48" s="106"/>
      <c r="P48" s="107"/>
      <c r="Q48" s="105"/>
      <c r="R48" s="106"/>
      <c r="S48" s="107"/>
      <c r="T48" s="105"/>
      <c r="U48" s="106"/>
      <c r="V48" s="107"/>
    </row>
    <row r="49" spans="1:29" ht="11.85" customHeight="1">
      <c r="A49" s="111">
        <v>0.79166666666666663</v>
      </c>
      <c r="B49" s="108"/>
      <c r="C49" s="109"/>
      <c r="D49" s="110"/>
      <c r="E49" s="108"/>
      <c r="F49" s="109"/>
      <c r="G49" s="110"/>
      <c r="H49" s="108"/>
      <c r="I49" s="109"/>
      <c r="J49" s="110"/>
      <c r="K49" s="108"/>
      <c r="L49" s="109"/>
      <c r="M49" s="110"/>
      <c r="N49" s="108"/>
      <c r="O49" s="109"/>
      <c r="P49" s="110"/>
      <c r="Q49" s="108"/>
      <c r="R49" s="109"/>
      <c r="S49" s="110"/>
      <c r="T49" s="108"/>
      <c r="U49" s="109"/>
      <c r="V49" s="110"/>
    </row>
    <row r="50" spans="1:29" ht="11.85" customHeight="1">
      <c r="A50" s="111"/>
      <c r="B50" s="105"/>
      <c r="C50" s="106"/>
      <c r="D50" s="107"/>
      <c r="E50" s="105"/>
      <c r="F50" s="106"/>
      <c r="G50" s="107"/>
      <c r="H50" s="105"/>
      <c r="I50" s="106"/>
      <c r="J50" s="107"/>
      <c r="K50" s="105"/>
      <c r="L50" s="106"/>
      <c r="M50" s="107"/>
      <c r="N50" s="105"/>
      <c r="O50" s="106"/>
      <c r="P50" s="107"/>
      <c r="Q50" s="105"/>
      <c r="R50" s="106"/>
      <c r="S50" s="107"/>
      <c r="T50" s="105"/>
      <c r="U50" s="106"/>
      <c r="V50" s="107"/>
    </row>
    <row r="51" spans="1:29" ht="11.85" customHeight="1">
      <c r="A51" s="111">
        <v>0.83333333333333337</v>
      </c>
      <c r="B51" s="108"/>
      <c r="C51" s="109"/>
      <c r="D51" s="110"/>
      <c r="E51" s="108"/>
      <c r="F51" s="109"/>
      <c r="G51" s="110"/>
      <c r="H51" s="108"/>
      <c r="I51" s="109"/>
      <c r="J51" s="110"/>
      <c r="K51" s="108"/>
      <c r="L51" s="109"/>
      <c r="M51" s="110"/>
      <c r="N51" s="108"/>
      <c r="O51" s="109"/>
      <c r="P51" s="110"/>
      <c r="Q51" s="108"/>
      <c r="R51" s="109"/>
      <c r="S51" s="110"/>
      <c r="T51" s="108"/>
      <c r="U51" s="109"/>
      <c r="V51" s="110"/>
    </row>
    <row r="52" spans="1:29" ht="11.85" customHeight="1">
      <c r="A52" s="111"/>
      <c r="B52" s="105"/>
      <c r="C52" s="106"/>
      <c r="D52" s="107"/>
      <c r="E52" s="105"/>
      <c r="F52" s="106"/>
      <c r="G52" s="107"/>
      <c r="H52" s="105"/>
      <c r="I52" s="106"/>
      <c r="J52" s="107"/>
      <c r="K52" s="105"/>
      <c r="L52" s="106"/>
      <c r="M52" s="107"/>
      <c r="N52" s="105"/>
      <c r="O52" s="106"/>
      <c r="P52" s="107"/>
      <c r="Q52" s="105"/>
      <c r="R52" s="106"/>
      <c r="S52" s="107"/>
      <c r="T52" s="105"/>
      <c r="U52" s="106"/>
      <c r="V52" s="107"/>
    </row>
    <row r="53" spans="1:29" ht="11.85" customHeight="1">
      <c r="A53" s="111">
        <v>0.875</v>
      </c>
      <c r="B53" s="108"/>
      <c r="C53" s="109"/>
      <c r="D53" s="110"/>
      <c r="E53" s="108"/>
      <c r="F53" s="109"/>
      <c r="G53" s="110"/>
      <c r="H53" s="108"/>
      <c r="I53" s="109"/>
      <c r="J53" s="110"/>
      <c r="K53" s="108"/>
      <c r="L53" s="109"/>
      <c r="M53" s="110"/>
      <c r="N53" s="108"/>
      <c r="O53" s="109"/>
      <c r="P53" s="110"/>
      <c r="Q53" s="108"/>
      <c r="R53" s="109"/>
      <c r="S53" s="110"/>
      <c r="T53" s="108"/>
      <c r="U53" s="109"/>
      <c r="V53" s="110"/>
    </row>
    <row r="54" spans="1:29" ht="11.85" customHeight="1">
      <c r="A54" s="111"/>
      <c r="B54" s="105"/>
      <c r="C54" s="106"/>
      <c r="D54" s="107"/>
      <c r="E54" s="105"/>
      <c r="F54" s="106"/>
      <c r="G54" s="107"/>
      <c r="H54" s="105"/>
      <c r="I54" s="106"/>
      <c r="J54" s="107"/>
      <c r="K54" s="105"/>
      <c r="L54" s="106"/>
      <c r="M54" s="107"/>
      <c r="N54" s="105"/>
      <c r="O54" s="106"/>
      <c r="P54" s="107"/>
      <c r="Q54" s="105"/>
      <c r="R54" s="106"/>
      <c r="S54" s="107"/>
      <c r="T54" s="105"/>
      <c r="U54" s="106"/>
      <c r="V54" s="107"/>
    </row>
    <row r="55" spans="1:29" ht="11.85" customHeight="1">
      <c r="A55" s="111">
        <v>0.91666666666666663</v>
      </c>
      <c r="B55" s="108"/>
      <c r="C55" s="109"/>
      <c r="D55" s="110"/>
      <c r="E55" s="108"/>
      <c r="F55" s="109"/>
      <c r="G55" s="110"/>
      <c r="H55" s="108"/>
      <c r="I55" s="109"/>
      <c r="J55" s="110"/>
      <c r="K55" s="108"/>
      <c r="L55" s="109"/>
      <c r="M55" s="110"/>
      <c r="N55" s="108"/>
      <c r="O55" s="109"/>
      <c r="P55" s="110"/>
      <c r="Q55" s="108"/>
      <c r="R55" s="109"/>
      <c r="S55" s="110"/>
      <c r="T55" s="108"/>
      <c r="U55" s="109"/>
      <c r="V55" s="110"/>
    </row>
    <row r="56" spans="1:29" ht="11.85" customHeight="1">
      <c r="A56" s="111"/>
      <c r="B56" s="105"/>
      <c r="C56" s="106"/>
      <c r="D56" s="107"/>
      <c r="E56" s="105"/>
      <c r="F56" s="106"/>
      <c r="G56" s="107"/>
      <c r="H56" s="105"/>
      <c r="I56" s="106"/>
      <c r="J56" s="107"/>
      <c r="K56" s="105"/>
      <c r="L56" s="106"/>
      <c r="M56" s="107"/>
      <c r="N56" s="105"/>
      <c r="O56" s="106"/>
      <c r="P56" s="107"/>
      <c r="Q56" s="105"/>
      <c r="R56" s="106"/>
      <c r="S56" s="107"/>
      <c r="T56" s="105"/>
      <c r="U56" s="106"/>
      <c r="V56" s="107"/>
    </row>
    <row r="57" spans="1:29" ht="11.85" customHeight="1">
      <c r="A57" s="111">
        <v>0.95833333333333337</v>
      </c>
      <c r="B57" s="108"/>
      <c r="C57" s="109"/>
      <c r="D57" s="110"/>
      <c r="E57" s="108"/>
      <c r="F57" s="109"/>
      <c r="G57" s="110"/>
      <c r="H57" s="108"/>
      <c r="I57" s="109"/>
      <c r="J57" s="110"/>
      <c r="K57" s="108"/>
      <c r="L57" s="109"/>
      <c r="M57" s="110"/>
      <c r="N57" s="108"/>
      <c r="O57" s="109"/>
      <c r="P57" s="110"/>
      <c r="Q57" s="108"/>
      <c r="R57" s="109"/>
      <c r="S57" s="110"/>
      <c r="T57" s="108"/>
      <c r="U57" s="109"/>
      <c r="V57" s="110"/>
    </row>
    <row r="58" spans="1:29" ht="11.85" customHeight="1">
      <c r="A58" s="111"/>
      <c r="B58" s="105"/>
      <c r="C58" s="106"/>
      <c r="D58" s="107"/>
      <c r="E58" s="105"/>
      <c r="F58" s="106"/>
      <c r="G58" s="107"/>
      <c r="H58" s="105"/>
      <c r="I58" s="106"/>
      <c r="J58" s="107"/>
      <c r="K58" s="105"/>
      <c r="L58" s="106"/>
      <c r="M58" s="107"/>
      <c r="N58" s="105"/>
      <c r="O58" s="106"/>
      <c r="P58" s="107"/>
      <c r="Q58" s="105"/>
      <c r="R58" s="106"/>
      <c r="S58" s="107"/>
      <c r="T58" s="105"/>
      <c r="U58" s="106"/>
      <c r="V58" s="107"/>
    </row>
    <row r="59" spans="1:29" ht="11.85" customHeight="1">
      <c r="A59" s="111">
        <v>1</v>
      </c>
      <c r="B59" s="108"/>
      <c r="C59" s="109"/>
      <c r="D59" s="110"/>
      <c r="E59" s="108"/>
      <c r="F59" s="109"/>
      <c r="G59" s="110"/>
      <c r="H59" s="108"/>
      <c r="I59" s="109"/>
      <c r="J59" s="110"/>
      <c r="K59" s="108"/>
      <c r="L59" s="109"/>
      <c r="M59" s="110"/>
      <c r="N59" s="108"/>
      <c r="O59" s="109"/>
      <c r="P59" s="110"/>
      <c r="Q59" s="108"/>
      <c r="R59" s="109"/>
      <c r="S59" s="110"/>
      <c r="T59" s="108"/>
      <c r="U59" s="109"/>
      <c r="V59" s="110"/>
      <c r="AC59" s="75"/>
    </row>
    <row r="60" spans="1:29" ht="11.85" customHeight="1">
      <c r="A60" s="111"/>
      <c r="B60" s="105"/>
      <c r="C60" s="106"/>
      <c r="D60" s="107"/>
      <c r="E60" s="105"/>
      <c r="F60" s="106"/>
      <c r="G60" s="107"/>
      <c r="H60" s="105"/>
      <c r="I60" s="106"/>
      <c r="J60" s="107"/>
      <c r="K60" s="105"/>
      <c r="L60" s="106"/>
      <c r="M60" s="107"/>
      <c r="N60" s="105"/>
      <c r="O60" s="106"/>
      <c r="P60" s="107"/>
      <c r="Q60" s="105"/>
      <c r="R60" s="106"/>
      <c r="S60" s="107"/>
      <c r="T60" s="105"/>
      <c r="U60" s="106"/>
      <c r="V60" s="107"/>
    </row>
    <row r="61" spans="1:29" ht="11.85" customHeight="1">
      <c r="A61" s="111">
        <v>4.1666666666666664E-2</v>
      </c>
      <c r="B61" s="108"/>
      <c r="C61" s="109"/>
      <c r="D61" s="110"/>
      <c r="E61" s="108"/>
      <c r="F61" s="109"/>
      <c r="G61" s="110"/>
      <c r="H61" s="108"/>
      <c r="I61" s="109"/>
      <c r="J61" s="110"/>
      <c r="K61" s="108"/>
      <c r="L61" s="109"/>
      <c r="M61" s="110"/>
      <c r="N61" s="108"/>
      <c r="O61" s="109"/>
      <c r="P61" s="110"/>
      <c r="Q61" s="108"/>
      <c r="R61" s="109"/>
      <c r="S61" s="110"/>
      <c r="T61" s="108"/>
      <c r="U61" s="109"/>
      <c r="V61" s="110"/>
    </row>
    <row r="62" spans="1:29" ht="11.85" customHeight="1">
      <c r="A62" s="111"/>
      <c r="B62" s="105"/>
      <c r="C62" s="106"/>
      <c r="D62" s="107"/>
      <c r="E62" s="105"/>
      <c r="F62" s="106"/>
      <c r="G62" s="107"/>
      <c r="H62" s="105"/>
      <c r="I62" s="106"/>
      <c r="J62" s="107"/>
      <c r="K62" s="105"/>
      <c r="L62" s="106"/>
      <c r="M62" s="107"/>
      <c r="N62" s="105"/>
      <c r="O62" s="106"/>
      <c r="P62" s="107"/>
      <c r="Q62" s="105"/>
      <c r="R62" s="106"/>
      <c r="S62" s="107"/>
      <c r="T62" s="105"/>
      <c r="U62" s="106"/>
      <c r="V62" s="107"/>
    </row>
    <row r="63" spans="1:29" ht="11.85" customHeight="1">
      <c r="A63" s="111">
        <v>8.3333333333333329E-2</v>
      </c>
      <c r="B63" s="108"/>
      <c r="C63" s="109"/>
      <c r="D63" s="110"/>
      <c r="E63" s="108"/>
      <c r="F63" s="109"/>
      <c r="G63" s="110"/>
      <c r="H63" s="108"/>
      <c r="I63" s="109"/>
      <c r="J63" s="110"/>
      <c r="K63" s="108"/>
      <c r="L63" s="109"/>
      <c r="M63" s="110"/>
      <c r="N63" s="108"/>
      <c r="O63" s="109"/>
      <c r="P63" s="110"/>
      <c r="Q63" s="108"/>
      <c r="R63" s="109"/>
      <c r="S63" s="110"/>
      <c r="T63" s="108"/>
      <c r="U63" s="109"/>
      <c r="V63" s="110"/>
    </row>
    <row r="64" spans="1:29" ht="11.85" customHeight="1">
      <c r="A64" s="111"/>
      <c r="B64" s="105"/>
      <c r="C64" s="106"/>
      <c r="D64" s="107"/>
      <c r="E64" s="105"/>
      <c r="F64" s="106"/>
      <c r="G64" s="107"/>
      <c r="H64" s="105"/>
      <c r="I64" s="106"/>
      <c r="J64" s="107"/>
      <c r="K64" s="105"/>
      <c r="L64" s="106"/>
      <c r="M64" s="107"/>
      <c r="N64" s="105"/>
      <c r="O64" s="106"/>
      <c r="P64" s="107"/>
      <c r="Q64" s="105"/>
      <c r="R64" s="106"/>
      <c r="S64" s="107"/>
      <c r="T64" s="105"/>
      <c r="U64" s="106"/>
      <c r="V64" s="107"/>
    </row>
    <row r="65" spans="1:22" ht="11.85" customHeight="1">
      <c r="A65" s="111">
        <v>0.125</v>
      </c>
      <c r="B65" s="108"/>
      <c r="C65" s="109"/>
      <c r="D65" s="110"/>
      <c r="E65" s="108"/>
      <c r="F65" s="109"/>
      <c r="G65" s="110"/>
      <c r="H65" s="108"/>
      <c r="I65" s="109"/>
      <c r="J65" s="110"/>
      <c r="K65" s="108"/>
      <c r="L65" s="109"/>
      <c r="M65" s="110"/>
      <c r="N65" s="108"/>
      <c r="O65" s="109"/>
      <c r="P65" s="110"/>
      <c r="Q65" s="108"/>
      <c r="R65" s="109"/>
      <c r="S65" s="110"/>
      <c r="T65" s="108"/>
      <c r="U65" s="109"/>
      <c r="V65" s="110"/>
    </row>
    <row r="66" spans="1:22" ht="11.85" customHeight="1">
      <c r="A66" s="111"/>
      <c r="B66" s="105"/>
      <c r="C66" s="106"/>
      <c r="D66" s="107"/>
      <c r="E66" s="105"/>
      <c r="F66" s="106"/>
      <c r="G66" s="107"/>
      <c r="H66" s="105"/>
      <c r="I66" s="106"/>
      <c r="J66" s="107"/>
      <c r="K66" s="105"/>
      <c r="L66" s="106"/>
      <c r="M66" s="107"/>
      <c r="N66" s="105"/>
      <c r="O66" s="106"/>
      <c r="P66" s="107"/>
      <c r="Q66" s="105"/>
      <c r="R66" s="106"/>
      <c r="S66" s="107"/>
      <c r="T66" s="105"/>
      <c r="U66" s="106"/>
      <c r="V66" s="107"/>
    </row>
    <row r="67" spans="1:22" ht="11.85" customHeight="1">
      <c r="A67" s="111">
        <v>0.16666666666666666</v>
      </c>
      <c r="B67" s="108"/>
      <c r="C67" s="109"/>
      <c r="D67" s="110"/>
      <c r="E67" s="108"/>
      <c r="F67" s="109"/>
      <c r="G67" s="110"/>
      <c r="H67" s="108"/>
      <c r="I67" s="109"/>
      <c r="J67" s="110"/>
      <c r="K67" s="108"/>
      <c r="L67" s="109"/>
      <c r="M67" s="110"/>
      <c r="N67" s="108"/>
      <c r="O67" s="109"/>
      <c r="P67" s="110"/>
      <c r="Q67" s="108"/>
      <c r="R67" s="109"/>
      <c r="S67" s="110"/>
      <c r="T67" s="108"/>
      <c r="U67" s="109"/>
      <c r="V67" s="110"/>
    </row>
    <row r="68" spans="1:22" ht="11.85" customHeight="1">
      <c r="A68" s="111"/>
      <c r="B68" s="105"/>
      <c r="C68" s="106"/>
      <c r="D68" s="107"/>
      <c r="E68" s="105"/>
      <c r="F68" s="106"/>
      <c r="G68" s="107"/>
      <c r="H68" s="105"/>
      <c r="I68" s="106"/>
      <c r="J68" s="107"/>
      <c r="K68" s="105"/>
      <c r="L68" s="106"/>
      <c r="M68" s="107"/>
      <c r="N68" s="105"/>
      <c r="O68" s="106"/>
      <c r="P68" s="107"/>
      <c r="Q68" s="105"/>
      <c r="R68" s="106"/>
      <c r="S68" s="107"/>
      <c r="T68" s="105"/>
      <c r="U68" s="106"/>
      <c r="V68" s="107"/>
    </row>
    <row r="69" spans="1:22" ht="11.85" customHeight="1">
      <c r="A69" s="111">
        <v>0.20833333333333334</v>
      </c>
      <c r="B69" s="108"/>
      <c r="C69" s="109"/>
      <c r="D69" s="110"/>
      <c r="E69" s="108"/>
      <c r="F69" s="109"/>
      <c r="G69" s="110"/>
      <c r="H69" s="108"/>
      <c r="I69" s="109"/>
      <c r="J69" s="110"/>
      <c r="K69" s="108"/>
      <c r="L69" s="109"/>
      <c r="M69" s="110"/>
      <c r="N69" s="108"/>
      <c r="O69" s="109"/>
      <c r="P69" s="110"/>
      <c r="Q69" s="108"/>
      <c r="R69" s="109"/>
      <c r="S69" s="110"/>
      <c r="T69" s="108"/>
      <c r="U69" s="109"/>
      <c r="V69" s="110"/>
    </row>
    <row r="70" spans="1:22" ht="11.85" customHeight="1">
      <c r="A70" s="112"/>
      <c r="B70" s="22"/>
      <c r="C70" s="29"/>
      <c r="D70" s="34"/>
      <c r="E70" s="22"/>
      <c r="F70" s="29"/>
      <c r="G70" s="34"/>
      <c r="H70" s="22"/>
      <c r="I70" s="29"/>
      <c r="J70" s="34"/>
      <c r="K70" s="22"/>
      <c r="L70" s="29"/>
      <c r="M70" s="34"/>
      <c r="N70" s="22"/>
      <c r="O70" s="29"/>
      <c r="P70" s="34"/>
      <c r="Q70" s="22"/>
      <c r="R70" s="29"/>
      <c r="S70" s="34"/>
      <c r="T70" s="22"/>
      <c r="U70" s="29"/>
      <c r="V70" s="34"/>
    </row>
    <row r="71" spans="1:22" ht="15.75" customHeight="1">
      <c r="A71" s="16"/>
      <c r="B71" s="23"/>
      <c r="C71" s="23"/>
      <c r="D71" s="23"/>
      <c r="E71" s="23"/>
      <c r="F71" s="23"/>
      <c r="G71" s="23"/>
      <c r="H71" s="23"/>
      <c r="I71" s="23"/>
      <c r="J71" s="23"/>
      <c r="K71" s="23"/>
      <c r="L71" s="23"/>
      <c r="M71" s="23"/>
      <c r="N71" s="23"/>
      <c r="O71" s="23"/>
      <c r="P71" s="23"/>
      <c r="Q71" s="23"/>
      <c r="R71" s="23"/>
      <c r="S71" s="23"/>
      <c r="T71" s="23"/>
      <c r="U71" s="23"/>
      <c r="V71" s="23"/>
    </row>
    <row r="72" spans="1:22" ht="24.75" customHeight="1">
      <c r="A72" s="6"/>
      <c r="B72" s="86" t="s">
        <v>41</v>
      </c>
      <c r="C72" s="86"/>
      <c r="D72" s="86"/>
      <c r="E72" s="86"/>
      <c r="F72" s="86"/>
      <c r="G72" s="40"/>
      <c r="H72" s="93" t="s">
        <v>44</v>
      </c>
      <c r="I72" s="86" t="s">
        <v>9</v>
      </c>
      <c r="J72" s="86"/>
      <c r="K72" s="86"/>
      <c r="L72" s="86"/>
      <c r="M72" s="86"/>
      <c r="N72" s="6"/>
      <c r="O72" s="94" t="s">
        <v>45</v>
      </c>
      <c r="P72" s="137" t="s">
        <v>25</v>
      </c>
      <c r="Q72" s="138"/>
      <c r="R72" s="138"/>
      <c r="S72" s="138"/>
      <c r="T72" s="138"/>
      <c r="U72" s="139"/>
      <c r="V72" s="6"/>
    </row>
    <row r="73" spans="1:22" ht="17.25" customHeight="1">
      <c r="A73" s="6"/>
      <c r="B73" s="95"/>
      <c r="C73" s="95"/>
      <c r="D73" s="95"/>
      <c r="E73" s="95"/>
      <c r="F73" s="95"/>
      <c r="G73" s="96" t="s">
        <v>16</v>
      </c>
      <c r="H73" s="93"/>
      <c r="I73" s="95"/>
      <c r="J73" s="95"/>
      <c r="K73" s="95"/>
      <c r="L73" s="95"/>
      <c r="M73" s="95"/>
      <c r="N73" s="97" t="s">
        <v>10</v>
      </c>
      <c r="O73" s="94"/>
      <c r="P73" s="98">
        <f>IF(OR(B73="",I73="")="","",B73*I73)</f>
        <v>0</v>
      </c>
      <c r="Q73" s="99"/>
      <c r="R73" s="99"/>
      <c r="S73" s="99"/>
      <c r="T73" s="99"/>
      <c r="U73" s="100"/>
      <c r="V73" s="6"/>
    </row>
    <row r="74" spans="1:22" ht="17.25" customHeight="1">
      <c r="A74" s="6"/>
      <c r="B74" s="95"/>
      <c r="C74" s="95"/>
      <c r="D74" s="95"/>
      <c r="E74" s="95"/>
      <c r="F74" s="95"/>
      <c r="G74" s="96"/>
      <c r="H74" s="93"/>
      <c r="I74" s="95"/>
      <c r="J74" s="95"/>
      <c r="K74" s="95"/>
      <c r="L74" s="95"/>
      <c r="M74" s="95"/>
      <c r="N74" s="97"/>
      <c r="O74" s="94"/>
      <c r="P74" s="101"/>
      <c r="Q74" s="102"/>
      <c r="R74" s="102"/>
      <c r="S74" s="102"/>
      <c r="T74" s="102"/>
      <c r="U74" s="103"/>
      <c r="V74" s="71" t="s">
        <v>16</v>
      </c>
    </row>
    <row r="75" spans="1:22" ht="17.25" customHeight="1">
      <c r="A75" s="6"/>
      <c r="B75" s="24"/>
      <c r="C75" s="30"/>
      <c r="D75" s="30"/>
      <c r="E75" s="38"/>
      <c r="F75" s="38"/>
      <c r="G75" s="41"/>
      <c r="H75" s="48"/>
      <c r="I75" s="30"/>
      <c r="J75" s="30"/>
      <c r="K75" s="30"/>
      <c r="L75" s="30"/>
      <c r="M75" s="30"/>
      <c r="N75" s="41"/>
      <c r="O75" s="48"/>
      <c r="P75" s="30"/>
      <c r="Q75" s="30"/>
      <c r="R75" s="30"/>
      <c r="S75" s="30"/>
      <c r="T75" s="30"/>
      <c r="U75" s="30"/>
      <c r="V75" s="71"/>
    </row>
    <row r="76" spans="1:22" ht="27.75">
      <c r="A76" s="6"/>
      <c r="B76" s="11" t="s">
        <v>13</v>
      </c>
      <c r="C76" s="31" t="s">
        <v>17</v>
      </c>
      <c r="D76" s="24"/>
      <c r="E76" s="24"/>
      <c r="F76" s="24"/>
      <c r="G76" s="42"/>
      <c r="H76" s="49"/>
      <c r="I76" s="24"/>
      <c r="J76" s="24"/>
      <c r="K76" s="32"/>
      <c r="L76" s="58" t="s">
        <v>72</v>
      </c>
      <c r="M76" s="30"/>
      <c r="N76" s="41"/>
      <c r="O76" s="48"/>
      <c r="P76" s="30"/>
      <c r="Q76" s="30"/>
      <c r="R76" s="30"/>
      <c r="S76" s="30"/>
      <c r="T76" s="30"/>
      <c r="U76" s="30"/>
      <c r="V76" s="71"/>
    </row>
    <row r="77" spans="1:22" ht="17.25" customHeight="1">
      <c r="A77" s="6"/>
      <c r="B77" s="6"/>
      <c r="C77" s="6"/>
      <c r="D77" s="6"/>
      <c r="E77" s="6"/>
      <c r="F77" s="6"/>
      <c r="G77" s="6"/>
      <c r="H77" s="6"/>
      <c r="I77" s="6"/>
      <c r="J77" s="6"/>
      <c r="K77" s="6"/>
      <c r="L77" s="6"/>
      <c r="M77" s="60"/>
      <c r="N77" s="6"/>
      <c r="O77" s="6"/>
      <c r="P77" s="6"/>
      <c r="Q77" s="6"/>
      <c r="R77" s="6"/>
      <c r="S77" s="6"/>
      <c r="T77" s="6"/>
      <c r="U77" s="6"/>
      <c r="V77" s="6"/>
    </row>
    <row r="78" spans="1:22" ht="23.25">
      <c r="A78" s="6"/>
      <c r="B78" s="104" t="s">
        <v>74</v>
      </c>
      <c r="C78" s="104"/>
      <c r="D78" s="104"/>
      <c r="E78" s="104"/>
      <c r="F78" s="104"/>
      <c r="G78" s="104"/>
      <c r="H78" s="104"/>
      <c r="I78" s="104"/>
      <c r="J78" s="104"/>
      <c r="K78" s="104"/>
      <c r="L78" s="104"/>
      <c r="M78" s="104"/>
      <c r="N78" s="104"/>
      <c r="O78" s="104"/>
      <c r="P78" s="104"/>
      <c r="Q78" s="104"/>
      <c r="R78" s="104"/>
      <c r="S78" s="104"/>
      <c r="T78" s="104"/>
      <c r="U78" s="104"/>
      <c r="V78" s="6"/>
    </row>
    <row r="79" spans="1:22" ht="19.5" customHeight="1">
      <c r="A79" s="6"/>
      <c r="B79" s="87" t="s">
        <v>62</v>
      </c>
      <c r="C79" s="87"/>
      <c r="D79" s="87"/>
      <c r="E79" s="87"/>
      <c r="F79" s="87"/>
      <c r="G79" s="87" t="s">
        <v>18</v>
      </c>
      <c r="H79" s="87"/>
      <c r="I79" s="87"/>
      <c r="J79" s="87"/>
      <c r="K79" s="87"/>
      <c r="L79" s="87" t="s">
        <v>15</v>
      </c>
      <c r="M79" s="87"/>
      <c r="N79" s="87"/>
      <c r="O79" s="87"/>
      <c r="P79" s="87"/>
      <c r="Q79" s="87" t="s">
        <v>63</v>
      </c>
      <c r="R79" s="87"/>
      <c r="S79" s="87"/>
      <c r="T79" s="87"/>
      <c r="U79" s="87"/>
      <c r="V79" s="6"/>
    </row>
    <row r="80" spans="1:22" ht="13.5" customHeight="1">
      <c r="A80" s="6"/>
      <c r="B80" s="84"/>
      <c r="C80" s="84"/>
      <c r="D80" s="84"/>
      <c r="E80" s="84"/>
      <c r="F80" s="84"/>
      <c r="G80" s="84"/>
      <c r="H80" s="84"/>
      <c r="I80" s="84"/>
      <c r="J80" s="84"/>
      <c r="K80" s="84"/>
      <c r="L80" s="84"/>
      <c r="M80" s="84"/>
      <c r="N80" s="84"/>
      <c r="O80" s="84"/>
      <c r="P80" s="84"/>
      <c r="Q80" s="84"/>
      <c r="R80" s="84"/>
      <c r="S80" s="84"/>
      <c r="T80" s="84"/>
      <c r="U80" s="84"/>
      <c r="V80" s="6"/>
    </row>
    <row r="81" spans="1:22" ht="13.5" customHeight="1">
      <c r="A81" s="6"/>
      <c r="B81" s="84"/>
      <c r="C81" s="84"/>
      <c r="D81" s="84"/>
      <c r="E81" s="84"/>
      <c r="F81" s="84"/>
      <c r="G81" s="84"/>
      <c r="H81" s="84"/>
      <c r="I81" s="84"/>
      <c r="J81" s="84"/>
      <c r="K81" s="84"/>
      <c r="L81" s="84"/>
      <c r="M81" s="84"/>
      <c r="N81" s="84"/>
      <c r="O81" s="84"/>
      <c r="P81" s="84"/>
      <c r="Q81" s="84"/>
      <c r="R81" s="84"/>
      <c r="S81" s="84"/>
      <c r="T81" s="84"/>
      <c r="U81" s="84"/>
      <c r="V81" s="6"/>
    </row>
    <row r="82" spans="1:22">
      <c r="A82" s="6"/>
      <c r="B82" s="84"/>
      <c r="C82" s="84"/>
      <c r="D82" s="84"/>
      <c r="E82" s="84"/>
      <c r="F82" s="84"/>
      <c r="G82" s="84"/>
      <c r="H82" s="84"/>
      <c r="I82" s="84"/>
      <c r="J82" s="84"/>
      <c r="K82" s="84"/>
      <c r="L82" s="84"/>
      <c r="M82" s="84"/>
      <c r="N82" s="84"/>
      <c r="O82" s="84"/>
      <c r="P82" s="84"/>
      <c r="Q82" s="84"/>
      <c r="R82" s="84"/>
      <c r="S82" s="84"/>
      <c r="T82" s="84"/>
      <c r="U82" s="84"/>
      <c r="V82" s="6"/>
    </row>
    <row r="83" spans="1:22">
      <c r="A83" s="6"/>
      <c r="B83" s="84"/>
      <c r="C83" s="84"/>
      <c r="D83" s="84"/>
      <c r="E83" s="84"/>
      <c r="F83" s="84"/>
      <c r="G83" s="84"/>
      <c r="H83" s="84"/>
      <c r="I83" s="84"/>
      <c r="J83" s="84"/>
      <c r="K83" s="84"/>
      <c r="L83" s="84"/>
      <c r="M83" s="84"/>
      <c r="N83" s="84"/>
      <c r="O83" s="84"/>
      <c r="P83" s="84"/>
      <c r="Q83" s="84"/>
      <c r="R83" s="84"/>
      <c r="S83" s="84"/>
      <c r="T83" s="84"/>
      <c r="U83" s="84"/>
      <c r="V83" s="6"/>
    </row>
    <row r="84" spans="1:22" ht="19.5" customHeight="1">
      <c r="A84" s="6"/>
      <c r="B84" s="87" t="s">
        <v>38</v>
      </c>
      <c r="C84" s="87"/>
      <c r="D84" s="87"/>
      <c r="E84" s="87"/>
      <c r="F84" s="87"/>
      <c r="G84" s="87" t="s">
        <v>33</v>
      </c>
      <c r="H84" s="87"/>
      <c r="I84" s="87"/>
      <c r="J84" s="87"/>
      <c r="K84" s="87"/>
      <c r="L84" s="87" t="s">
        <v>14</v>
      </c>
      <c r="M84" s="87"/>
      <c r="N84" s="87"/>
      <c r="O84" s="87"/>
      <c r="P84" s="87"/>
      <c r="Q84" s="87" t="s">
        <v>34</v>
      </c>
      <c r="R84" s="87"/>
      <c r="S84" s="87"/>
      <c r="T84" s="87"/>
      <c r="U84" s="87"/>
      <c r="V84" s="6"/>
    </row>
    <row r="85" spans="1:22">
      <c r="A85" s="6"/>
      <c r="B85" s="84"/>
      <c r="C85" s="84"/>
      <c r="D85" s="84"/>
      <c r="E85" s="84"/>
      <c r="F85" s="84"/>
      <c r="G85" s="84"/>
      <c r="H85" s="84"/>
      <c r="I85" s="84"/>
      <c r="J85" s="84"/>
      <c r="K85" s="84"/>
      <c r="L85" s="84"/>
      <c r="M85" s="84"/>
      <c r="N85" s="84"/>
      <c r="O85" s="84"/>
      <c r="P85" s="84"/>
      <c r="Q85" s="84"/>
      <c r="R85" s="84"/>
      <c r="S85" s="84"/>
      <c r="T85" s="84"/>
      <c r="U85" s="84"/>
      <c r="V85" s="6"/>
    </row>
    <row r="86" spans="1:22">
      <c r="A86" s="6"/>
      <c r="B86" s="84"/>
      <c r="C86" s="84"/>
      <c r="D86" s="84"/>
      <c r="E86" s="84"/>
      <c r="F86" s="84"/>
      <c r="G86" s="84"/>
      <c r="H86" s="84"/>
      <c r="I86" s="84"/>
      <c r="J86" s="84"/>
      <c r="K86" s="84"/>
      <c r="L86" s="84"/>
      <c r="M86" s="84"/>
      <c r="N86" s="84"/>
      <c r="O86" s="84"/>
      <c r="P86" s="84"/>
      <c r="Q86" s="84"/>
      <c r="R86" s="84"/>
      <c r="S86" s="84"/>
      <c r="T86" s="84"/>
      <c r="U86" s="84"/>
      <c r="V86" s="6"/>
    </row>
    <row r="87" spans="1:22">
      <c r="A87" s="6"/>
      <c r="B87" s="84"/>
      <c r="C87" s="84"/>
      <c r="D87" s="84"/>
      <c r="E87" s="84"/>
      <c r="F87" s="84"/>
      <c r="G87" s="84"/>
      <c r="H87" s="84"/>
      <c r="I87" s="84"/>
      <c r="J87" s="84"/>
      <c r="K87" s="84"/>
      <c r="L87" s="84"/>
      <c r="M87" s="84"/>
      <c r="N87" s="84"/>
      <c r="O87" s="84"/>
      <c r="P87" s="84"/>
      <c r="Q87" s="84"/>
      <c r="R87" s="84"/>
      <c r="S87" s="84"/>
      <c r="T87" s="84"/>
      <c r="U87" s="84"/>
      <c r="V87" s="6"/>
    </row>
    <row r="88" spans="1:22" ht="12" customHeight="1">
      <c r="A88" s="6"/>
      <c r="B88" s="84"/>
      <c r="C88" s="84"/>
      <c r="D88" s="84"/>
      <c r="E88" s="84"/>
      <c r="F88" s="84"/>
      <c r="G88" s="84"/>
      <c r="H88" s="84"/>
      <c r="I88" s="84"/>
      <c r="J88" s="84"/>
      <c r="K88" s="84"/>
      <c r="L88" s="84"/>
      <c r="M88" s="84"/>
      <c r="N88" s="84"/>
      <c r="O88" s="84"/>
      <c r="P88" s="84"/>
      <c r="Q88" s="84"/>
      <c r="R88" s="84"/>
      <c r="S88" s="84"/>
      <c r="T88" s="84"/>
      <c r="U88" s="84"/>
      <c r="V88" s="6"/>
    </row>
    <row r="89" spans="1:22" ht="19.5" customHeight="1">
      <c r="A89" s="6"/>
      <c r="B89" s="87" t="s">
        <v>61</v>
      </c>
      <c r="C89" s="87"/>
      <c r="D89" s="87"/>
      <c r="E89" s="87"/>
      <c r="F89" s="87"/>
      <c r="G89" s="87" t="s">
        <v>35</v>
      </c>
      <c r="H89" s="87"/>
      <c r="I89" s="87"/>
      <c r="J89" s="87"/>
      <c r="K89" s="87"/>
      <c r="L89" s="87" t="s">
        <v>36</v>
      </c>
      <c r="M89" s="87"/>
      <c r="N89" s="87"/>
      <c r="O89" s="87"/>
      <c r="P89" s="87"/>
      <c r="Q89" s="87" t="s">
        <v>37</v>
      </c>
      <c r="R89" s="87"/>
      <c r="S89" s="87"/>
      <c r="T89" s="87"/>
      <c r="U89" s="87"/>
      <c r="V89" s="6"/>
    </row>
    <row r="90" spans="1:22">
      <c r="A90" s="6"/>
      <c r="B90" s="84"/>
      <c r="C90" s="84"/>
      <c r="D90" s="84"/>
      <c r="E90" s="84"/>
      <c r="F90" s="84"/>
      <c r="G90" s="84"/>
      <c r="H90" s="84"/>
      <c r="I90" s="84"/>
      <c r="J90" s="84"/>
      <c r="K90" s="84"/>
      <c r="L90" s="84"/>
      <c r="M90" s="84"/>
      <c r="N90" s="84"/>
      <c r="O90" s="84"/>
      <c r="P90" s="84"/>
      <c r="Q90" s="84"/>
      <c r="R90" s="84"/>
      <c r="S90" s="84"/>
      <c r="T90" s="84"/>
      <c r="U90" s="84"/>
      <c r="V90" s="6"/>
    </row>
    <row r="91" spans="1:22">
      <c r="A91" s="6"/>
      <c r="B91" s="84"/>
      <c r="C91" s="84"/>
      <c r="D91" s="84"/>
      <c r="E91" s="84"/>
      <c r="F91" s="84"/>
      <c r="G91" s="84"/>
      <c r="H91" s="84"/>
      <c r="I91" s="84"/>
      <c r="J91" s="84"/>
      <c r="K91" s="84"/>
      <c r="L91" s="84"/>
      <c r="M91" s="84"/>
      <c r="N91" s="84"/>
      <c r="O91" s="84"/>
      <c r="P91" s="84"/>
      <c r="Q91" s="84"/>
      <c r="R91" s="84"/>
      <c r="S91" s="84"/>
      <c r="T91" s="84"/>
      <c r="U91" s="84"/>
      <c r="V91" s="6"/>
    </row>
    <row r="92" spans="1:22">
      <c r="A92" s="6"/>
      <c r="B92" s="84"/>
      <c r="C92" s="84"/>
      <c r="D92" s="84"/>
      <c r="E92" s="84"/>
      <c r="F92" s="84"/>
      <c r="G92" s="84"/>
      <c r="H92" s="84"/>
      <c r="I92" s="84"/>
      <c r="J92" s="84"/>
      <c r="K92" s="84"/>
      <c r="L92" s="84"/>
      <c r="M92" s="84"/>
      <c r="N92" s="84"/>
      <c r="O92" s="84"/>
      <c r="P92" s="84"/>
      <c r="Q92" s="84"/>
      <c r="R92" s="84"/>
      <c r="S92" s="84"/>
      <c r="T92" s="84"/>
      <c r="U92" s="84"/>
      <c r="V92" s="6"/>
    </row>
    <row r="93" spans="1:22">
      <c r="A93" s="6"/>
      <c r="B93" s="84"/>
      <c r="C93" s="84"/>
      <c r="D93" s="84"/>
      <c r="E93" s="84"/>
      <c r="F93" s="84"/>
      <c r="G93" s="84"/>
      <c r="H93" s="84"/>
      <c r="I93" s="84"/>
      <c r="J93" s="84"/>
      <c r="K93" s="84"/>
      <c r="L93" s="84"/>
      <c r="M93" s="84"/>
      <c r="N93" s="84"/>
      <c r="O93" s="84"/>
      <c r="P93" s="84"/>
      <c r="Q93" s="84"/>
      <c r="R93" s="84"/>
      <c r="S93" s="84"/>
      <c r="T93" s="84"/>
      <c r="U93" s="84"/>
      <c r="V93" s="6"/>
    </row>
    <row r="94" spans="1:22">
      <c r="A94" s="3"/>
      <c r="B94" s="3"/>
      <c r="C94" s="3"/>
      <c r="D94" s="3"/>
      <c r="E94" s="3"/>
      <c r="F94" s="3"/>
      <c r="G94" s="3"/>
      <c r="H94" s="3"/>
      <c r="I94" s="3"/>
      <c r="J94" s="3"/>
      <c r="K94" s="3"/>
      <c r="L94" s="3"/>
      <c r="M94" s="3"/>
      <c r="N94" s="3"/>
      <c r="O94" s="3"/>
      <c r="P94" s="3"/>
      <c r="Q94" s="3"/>
      <c r="R94" s="3"/>
      <c r="S94" s="3"/>
      <c r="T94" s="3"/>
      <c r="U94" s="3"/>
      <c r="V94" s="3"/>
    </row>
    <row r="95" spans="1:22" ht="24.75">
      <c r="A95" s="88" t="s">
        <v>58</v>
      </c>
      <c r="B95" s="88"/>
      <c r="C95" s="88"/>
      <c r="D95" s="88"/>
      <c r="E95" s="88"/>
      <c r="F95" s="88"/>
      <c r="G95" s="88"/>
      <c r="H95" s="88"/>
      <c r="I95" s="88"/>
      <c r="J95" s="88"/>
      <c r="K95" s="88"/>
      <c r="L95" s="88"/>
      <c r="M95" s="88"/>
      <c r="N95" s="88"/>
      <c r="O95" s="88"/>
      <c r="P95" s="88"/>
      <c r="Q95" s="88"/>
      <c r="R95" s="88"/>
      <c r="S95" s="88"/>
      <c r="T95" s="88"/>
      <c r="U95" s="88"/>
      <c r="V95" s="88"/>
    </row>
    <row r="96" spans="1:22" ht="17.25" customHeight="1">
      <c r="A96" s="3"/>
      <c r="B96" s="3"/>
      <c r="C96" s="3"/>
      <c r="D96" s="3"/>
      <c r="E96" s="3"/>
      <c r="F96" s="3"/>
      <c r="G96" s="3"/>
      <c r="H96" s="3"/>
      <c r="I96" s="3"/>
      <c r="J96" s="3"/>
      <c r="K96" s="3"/>
      <c r="L96" s="3"/>
      <c r="M96" s="3"/>
      <c r="N96" s="3"/>
      <c r="O96" s="3"/>
      <c r="P96" s="3"/>
      <c r="Q96" s="3"/>
      <c r="R96" s="3"/>
      <c r="S96" s="3"/>
      <c r="T96" s="89" t="s">
        <v>83</v>
      </c>
      <c r="U96" s="89"/>
      <c r="V96" s="89"/>
    </row>
    <row r="97" spans="1:22">
      <c r="A97" s="3"/>
      <c r="B97" s="3"/>
      <c r="C97" s="3"/>
      <c r="D97" s="3"/>
      <c r="E97" s="3"/>
      <c r="F97" s="3"/>
      <c r="G97" s="3"/>
      <c r="H97" s="3"/>
      <c r="I97" s="3"/>
      <c r="J97" s="3"/>
      <c r="K97" s="3"/>
      <c r="L97" s="3"/>
      <c r="M97" s="3"/>
      <c r="N97" s="3"/>
      <c r="O97" s="3"/>
      <c r="P97" s="3"/>
      <c r="Q97" s="3"/>
      <c r="R97" s="3"/>
      <c r="S97" s="3"/>
      <c r="T97" s="3"/>
      <c r="U97" s="3"/>
      <c r="V97" s="3"/>
    </row>
    <row r="98" spans="1:22" ht="18.75">
      <c r="A98" s="3"/>
      <c r="B98" s="25" t="s">
        <v>1</v>
      </c>
      <c r="C98" s="25"/>
      <c r="D98" s="25"/>
      <c r="E98" s="25"/>
      <c r="F98" s="25"/>
      <c r="G98" s="25"/>
      <c r="H98" s="25"/>
      <c r="I98" s="25"/>
      <c r="J98" s="25"/>
      <c r="K98" s="3"/>
      <c r="L98" s="3"/>
      <c r="M98" s="3"/>
      <c r="N98" s="3"/>
      <c r="O98" s="3"/>
      <c r="P98" s="3"/>
      <c r="Q98" s="3"/>
      <c r="R98" s="3"/>
      <c r="S98" s="3"/>
      <c r="T98" s="3"/>
      <c r="U98" s="3"/>
      <c r="V98" s="3"/>
    </row>
    <row r="99" spans="1:22" ht="18.75">
      <c r="A99" s="3"/>
      <c r="B99" s="90" t="s">
        <v>73</v>
      </c>
      <c r="C99" s="91"/>
      <c r="D99" s="35" t="s">
        <v>82</v>
      </c>
      <c r="E99" s="39"/>
      <c r="F99" s="39"/>
      <c r="G99" s="39"/>
      <c r="H99" s="39"/>
      <c r="I99" s="39"/>
      <c r="J99" s="39"/>
      <c r="K99" s="57"/>
      <c r="L99" s="57"/>
      <c r="M99" s="57"/>
      <c r="N99" s="63"/>
      <c r="O99" s="3"/>
      <c r="P99" s="3"/>
      <c r="Q99" s="3"/>
      <c r="R99" s="3"/>
      <c r="S99" s="3"/>
      <c r="T99" s="3"/>
      <c r="U99" s="3"/>
      <c r="V99" s="3"/>
    </row>
    <row r="100" spans="1:22" ht="18.75">
      <c r="A100" s="3"/>
      <c r="B100" s="86" t="s">
        <v>20</v>
      </c>
      <c r="C100" s="86"/>
      <c r="D100" s="92" t="s">
        <v>79</v>
      </c>
      <c r="E100" s="92"/>
      <c r="F100" s="92"/>
      <c r="G100" s="92"/>
      <c r="H100" s="92"/>
      <c r="I100" s="92"/>
      <c r="J100" s="92"/>
      <c r="K100" s="92"/>
      <c r="L100" s="92"/>
      <c r="M100" s="92"/>
      <c r="N100" s="92"/>
      <c r="O100" s="64"/>
      <c r="P100" s="20"/>
      <c r="Q100" s="3"/>
      <c r="R100" s="3"/>
      <c r="S100" s="3"/>
      <c r="T100" s="3"/>
      <c r="U100" s="3"/>
      <c r="V100" s="3"/>
    </row>
    <row r="101" spans="1:22" ht="24" customHeight="1">
      <c r="A101" s="3"/>
      <c r="B101" s="86" t="s">
        <v>22</v>
      </c>
      <c r="C101" s="86"/>
      <c r="D101" s="35" t="s">
        <v>80</v>
      </c>
      <c r="E101" s="39"/>
      <c r="F101" s="39"/>
      <c r="G101" s="39"/>
      <c r="H101" s="39"/>
      <c r="I101" s="39"/>
      <c r="J101" s="55"/>
      <c r="K101" s="57"/>
      <c r="L101" s="57"/>
      <c r="M101" s="57"/>
      <c r="N101" s="63"/>
      <c r="O101" s="64"/>
      <c r="P101" s="20"/>
      <c r="Q101" s="3"/>
      <c r="R101" s="3"/>
      <c r="S101" s="3"/>
      <c r="T101" s="3"/>
      <c r="U101" s="3"/>
      <c r="V101" s="3"/>
    </row>
    <row r="102" spans="1:22" ht="24" customHeight="1">
      <c r="A102" s="3"/>
      <c r="B102" s="86" t="s">
        <v>24</v>
      </c>
      <c r="C102" s="86"/>
      <c r="D102" s="35" t="s">
        <v>81</v>
      </c>
      <c r="E102" s="39"/>
      <c r="F102" s="39"/>
      <c r="G102" s="39"/>
      <c r="H102" s="39"/>
      <c r="I102" s="39"/>
      <c r="J102" s="55"/>
      <c r="K102" s="57"/>
      <c r="L102" s="57"/>
      <c r="M102" s="57"/>
      <c r="N102" s="63"/>
      <c r="O102" s="64"/>
      <c r="P102" s="20"/>
      <c r="Q102" s="3"/>
      <c r="R102" s="3"/>
      <c r="S102" s="3"/>
      <c r="T102" s="3"/>
      <c r="U102" s="3"/>
      <c r="V102" s="3"/>
    </row>
    <row r="103" spans="1:22" ht="24" customHeight="1">
      <c r="A103" s="3"/>
      <c r="B103" s="86" t="s">
        <v>26</v>
      </c>
      <c r="C103" s="86"/>
      <c r="D103" s="35" t="s">
        <v>70</v>
      </c>
      <c r="E103" s="39"/>
      <c r="F103" s="39"/>
      <c r="G103" s="39"/>
      <c r="H103" s="39"/>
      <c r="I103" s="39"/>
      <c r="J103" s="55"/>
      <c r="K103" s="57"/>
      <c r="L103" s="57"/>
      <c r="M103" s="57"/>
      <c r="N103" s="63"/>
      <c r="O103" s="64"/>
      <c r="P103" s="20"/>
      <c r="Q103" s="3"/>
      <c r="R103" s="3"/>
      <c r="S103" s="3"/>
      <c r="T103" s="3"/>
      <c r="U103" s="3"/>
      <c r="V103" s="3"/>
    </row>
    <row r="104" spans="1:22">
      <c r="A104" s="3"/>
      <c r="B104" s="3"/>
      <c r="C104" s="3"/>
      <c r="D104" s="3"/>
      <c r="E104" s="3"/>
      <c r="F104" s="3"/>
      <c r="G104" s="3"/>
      <c r="H104" s="3"/>
      <c r="I104" s="3"/>
      <c r="J104" s="3"/>
      <c r="K104" s="3"/>
      <c r="L104" s="3"/>
      <c r="M104" s="3"/>
      <c r="N104" s="3"/>
      <c r="O104" s="3"/>
      <c r="P104" s="3"/>
      <c r="Q104" s="3"/>
      <c r="R104" s="3"/>
      <c r="S104" s="3"/>
      <c r="T104" s="3"/>
      <c r="U104" s="3"/>
      <c r="V104" s="3"/>
    </row>
    <row r="105" spans="1:22" ht="21" customHeight="1">
      <c r="A105" s="3"/>
      <c r="B105" s="85" t="s">
        <v>67</v>
      </c>
      <c r="C105" s="85"/>
      <c r="D105" s="85"/>
      <c r="E105" s="85"/>
      <c r="F105" s="85"/>
      <c r="G105" s="85"/>
      <c r="H105" s="85"/>
      <c r="I105" s="85"/>
      <c r="J105" s="85"/>
      <c r="K105" s="85"/>
      <c r="L105" s="85"/>
      <c r="M105" s="85"/>
      <c r="N105" s="85"/>
      <c r="O105" s="85"/>
      <c r="P105" s="85"/>
      <c r="Q105" s="85"/>
      <c r="R105" s="85"/>
      <c r="S105" s="85"/>
      <c r="T105" s="85"/>
      <c r="U105" s="85"/>
      <c r="V105" s="3"/>
    </row>
    <row r="106" spans="1:22" ht="21" customHeight="1">
      <c r="A106" s="3"/>
      <c r="B106" s="85"/>
      <c r="C106" s="85"/>
      <c r="D106" s="85"/>
      <c r="E106" s="85"/>
      <c r="F106" s="85"/>
      <c r="G106" s="85"/>
      <c r="H106" s="85"/>
      <c r="I106" s="85"/>
      <c r="J106" s="85"/>
      <c r="K106" s="85"/>
      <c r="L106" s="85"/>
      <c r="M106" s="85"/>
      <c r="N106" s="85"/>
      <c r="O106" s="85"/>
      <c r="P106" s="85"/>
      <c r="Q106" s="85"/>
      <c r="R106" s="85"/>
      <c r="S106" s="85"/>
      <c r="T106" s="85"/>
      <c r="U106" s="85"/>
      <c r="V106" s="3"/>
    </row>
    <row r="107" spans="1:22" ht="25.5" customHeight="1">
      <c r="A107" s="3"/>
      <c r="B107" s="83"/>
      <c r="C107" s="83"/>
      <c r="D107" s="83"/>
      <c r="E107" s="83"/>
      <c r="F107" s="83"/>
      <c r="G107" s="83"/>
      <c r="H107" s="83"/>
      <c r="I107" s="83"/>
      <c r="J107" s="83"/>
      <c r="K107" s="83"/>
      <c r="L107" s="83"/>
      <c r="M107" s="83"/>
      <c r="N107" s="83"/>
      <c r="O107" s="83"/>
      <c r="P107" s="83"/>
      <c r="Q107" s="83"/>
      <c r="R107" s="83"/>
      <c r="S107" s="83"/>
      <c r="T107" s="83"/>
      <c r="U107" s="83"/>
      <c r="V107" s="3"/>
    </row>
    <row r="108" spans="1:22" ht="25.5" customHeight="1">
      <c r="A108" s="3"/>
      <c r="B108" s="83"/>
      <c r="C108" s="83"/>
      <c r="D108" s="83"/>
      <c r="E108" s="83"/>
      <c r="F108" s="83"/>
      <c r="G108" s="83"/>
      <c r="H108" s="83"/>
      <c r="I108" s="83"/>
      <c r="J108" s="83"/>
      <c r="K108" s="83"/>
      <c r="L108" s="83"/>
      <c r="M108" s="83"/>
      <c r="N108" s="83"/>
      <c r="O108" s="83"/>
      <c r="P108" s="83"/>
      <c r="Q108" s="83"/>
      <c r="R108" s="83"/>
      <c r="S108" s="83"/>
      <c r="T108" s="83"/>
      <c r="U108" s="83"/>
      <c r="V108" s="3"/>
    </row>
    <row r="109" spans="1:22" ht="25.5" customHeight="1">
      <c r="A109" s="3"/>
      <c r="B109" s="83"/>
      <c r="C109" s="83"/>
      <c r="D109" s="83"/>
      <c r="E109" s="83"/>
      <c r="F109" s="83"/>
      <c r="G109" s="83"/>
      <c r="H109" s="83"/>
      <c r="I109" s="83"/>
      <c r="J109" s="83"/>
      <c r="K109" s="83"/>
      <c r="L109" s="83"/>
      <c r="M109" s="83"/>
      <c r="N109" s="83"/>
      <c r="O109" s="83"/>
      <c r="P109" s="83"/>
      <c r="Q109" s="83"/>
      <c r="R109" s="83"/>
      <c r="S109" s="83"/>
      <c r="T109" s="83"/>
      <c r="U109" s="83"/>
      <c r="V109" s="3"/>
    </row>
    <row r="110" spans="1:22" ht="25.5" customHeight="1">
      <c r="A110" s="3"/>
      <c r="B110" s="83"/>
      <c r="C110" s="83"/>
      <c r="D110" s="83"/>
      <c r="E110" s="83"/>
      <c r="F110" s="83"/>
      <c r="G110" s="83"/>
      <c r="H110" s="83"/>
      <c r="I110" s="83"/>
      <c r="J110" s="83"/>
      <c r="K110" s="83"/>
      <c r="L110" s="83"/>
      <c r="M110" s="83"/>
      <c r="N110" s="83"/>
      <c r="O110" s="83"/>
      <c r="P110" s="83"/>
      <c r="Q110" s="83"/>
      <c r="R110" s="83"/>
      <c r="S110" s="83"/>
      <c r="T110" s="83"/>
      <c r="U110" s="83"/>
      <c r="V110" s="3"/>
    </row>
    <row r="111" spans="1:22" ht="25.5" customHeight="1">
      <c r="A111" s="3"/>
      <c r="B111" s="83"/>
      <c r="C111" s="83"/>
      <c r="D111" s="83"/>
      <c r="E111" s="83"/>
      <c r="F111" s="83"/>
      <c r="G111" s="83"/>
      <c r="H111" s="83"/>
      <c r="I111" s="83"/>
      <c r="J111" s="83"/>
      <c r="K111" s="83"/>
      <c r="L111" s="83"/>
      <c r="M111" s="83"/>
      <c r="N111" s="83"/>
      <c r="O111" s="83"/>
      <c r="P111" s="83"/>
      <c r="Q111" s="83"/>
      <c r="R111" s="83"/>
      <c r="S111" s="83"/>
      <c r="T111" s="83"/>
      <c r="U111" s="83"/>
      <c r="V111" s="3"/>
    </row>
    <row r="112" spans="1:22" ht="25.5" customHeight="1">
      <c r="A112" s="3"/>
      <c r="B112" s="83"/>
      <c r="C112" s="83"/>
      <c r="D112" s="83"/>
      <c r="E112" s="83"/>
      <c r="F112" s="83"/>
      <c r="G112" s="83"/>
      <c r="H112" s="83"/>
      <c r="I112" s="83"/>
      <c r="J112" s="83"/>
      <c r="K112" s="83"/>
      <c r="L112" s="83"/>
      <c r="M112" s="83"/>
      <c r="N112" s="83"/>
      <c r="O112" s="83"/>
      <c r="P112" s="83"/>
      <c r="Q112" s="83"/>
      <c r="R112" s="83"/>
      <c r="S112" s="83"/>
      <c r="T112" s="83"/>
      <c r="U112" s="83"/>
      <c r="V112" s="3"/>
    </row>
    <row r="113" spans="1:22" ht="25.5" customHeight="1">
      <c r="A113" s="3"/>
      <c r="B113" s="83"/>
      <c r="C113" s="83"/>
      <c r="D113" s="83"/>
      <c r="E113" s="83"/>
      <c r="F113" s="83"/>
      <c r="G113" s="83"/>
      <c r="H113" s="83"/>
      <c r="I113" s="83"/>
      <c r="J113" s="83"/>
      <c r="K113" s="83"/>
      <c r="L113" s="83"/>
      <c r="M113" s="83"/>
      <c r="N113" s="83"/>
      <c r="O113" s="83"/>
      <c r="P113" s="83"/>
      <c r="Q113" s="83"/>
      <c r="R113" s="83"/>
      <c r="S113" s="83"/>
      <c r="T113" s="83"/>
      <c r="U113" s="83"/>
      <c r="V113" s="3"/>
    </row>
    <row r="114" spans="1:22" ht="25.5" customHeight="1">
      <c r="A114" s="3"/>
      <c r="B114" s="83"/>
      <c r="C114" s="83"/>
      <c r="D114" s="83"/>
      <c r="E114" s="83"/>
      <c r="F114" s="83"/>
      <c r="G114" s="83"/>
      <c r="H114" s="83"/>
      <c r="I114" s="83"/>
      <c r="J114" s="83"/>
      <c r="K114" s="83"/>
      <c r="L114" s="83"/>
      <c r="M114" s="83"/>
      <c r="N114" s="83"/>
      <c r="O114" s="83"/>
      <c r="P114" s="83"/>
      <c r="Q114" s="83"/>
      <c r="R114" s="83"/>
      <c r="S114" s="83"/>
      <c r="T114" s="83"/>
      <c r="U114" s="83"/>
      <c r="V114" s="3"/>
    </row>
    <row r="115" spans="1:22" ht="25.5" customHeight="1">
      <c r="A115" s="3"/>
      <c r="B115" s="83"/>
      <c r="C115" s="83"/>
      <c r="D115" s="83"/>
      <c r="E115" s="83"/>
      <c r="F115" s="83"/>
      <c r="G115" s="83"/>
      <c r="H115" s="83"/>
      <c r="I115" s="83"/>
      <c r="J115" s="83"/>
      <c r="K115" s="83"/>
      <c r="L115" s="83"/>
      <c r="M115" s="83"/>
      <c r="N115" s="83"/>
      <c r="O115" s="83"/>
      <c r="P115" s="83"/>
      <c r="Q115" s="83"/>
      <c r="R115" s="83"/>
      <c r="S115" s="83"/>
      <c r="T115" s="83"/>
      <c r="U115" s="83"/>
      <c r="V115" s="3"/>
    </row>
    <row r="116" spans="1:22" ht="25.5" customHeight="1">
      <c r="A116" s="3"/>
      <c r="B116" s="83"/>
      <c r="C116" s="83"/>
      <c r="D116" s="83"/>
      <c r="E116" s="83"/>
      <c r="F116" s="83"/>
      <c r="G116" s="83"/>
      <c r="H116" s="83"/>
      <c r="I116" s="83"/>
      <c r="J116" s="83"/>
      <c r="K116" s="83"/>
      <c r="L116" s="83"/>
      <c r="M116" s="83"/>
      <c r="N116" s="83"/>
      <c r="O116" s="83"/>
      <c r="P116" s="83"/>
      <c r="Q116" s="83"/>
      <c r="R116" s="83"/>
      <c r="S116" s="83"/>
      <c r="T116" s="83"/>
      <c r="U116" s="83"/>
      <c r="V116" s="3"/>
    </row>
    <row r="117" spans="1:22" ht="25.5" customHeight="1">
      <c r="A117" s="3"/>
      <c r="B117" s="83"/>
      <c r="C117" s="83"/>
      <c r="D117" s="83"/>
      <c r="E117" s="83"/>
      <c r="F117" s="83"/>
      <c r="G117" s="83"/>
      <c r="H117" s="83"/>
      <c r="I117" s="83"/>
      <c r="J117" s="83"/>
      <c r="K117" s="83"/>
      <c r="L117" s="83"/>
      <c r="M117" s="83"/>
      <c r="N117" s="83"/>
      <c r="O117" s="83"/>
      <c r="P117" s="83"/>
      <c r="Q117" s="83"/>
      <c r="R117" s="83"/>
      <c r="S117" s="83"/>
      <c r="T117" s="83"/>
      <c r="U117" s="83"/>
      <c r="V117" s="3"/>
    </row>
    <row r="118" spans="1:22" ht="25.5" customHeight="1">
      <c r="A118" s="3"/>
      <c r="B118" s="83"/>
      <c r="C118" s="83"/>
      <c r="D118" s="83"/>
      <c r="E118" s="83"/>
      <c r="F118" s="83"/>
      <c r="G118" s="83"/>
      <c r="H118" s="83"/>
      <c r="I118" s="83"/>
      <c r="J118" s="83"/>
      <c r="K118" s="83"/>
      <c r="L118" s="83"/>
      <c r="M118" s="83"/>
      <c r="N118" s="83"/>
      <c r="O118" s="83"/>
      <c r="P118" s="83"/>
      <c r="Q118" s="83"/>
      <c r="R118" s="83"/>
      <c r="S118" s="83"/>
      <c r="T118" s="83"/>
      <c r="U118" s="83"/>
      <c r="V118" s="3"/>
    </row>
    <row r="119" spans="1:22" ht="25.5" customHeight="1">
      <c r="A119" s="3"/>
      <c r="B119" s="83"/>
      <c r="C119" s="83"/>
      <c r="D119" s="83"/>
      <c r="E119" s="83"/>
      <c r="F119" s="83"/>
      <c r="G119" s="83"/>
      <c r="H119" s="83"/>
      <c r="I119" s="83"/>
      <c r="J119" s="83"/>
      <c r="K119" s="83"/>
      <c r="L119" s="83"/>
      <c r="M119" s="83"/>
      <c r="N119" s="83"/>
      <c r="O119" s="83"/>
      <c r="P119" s="83"/>
      <c r="Q119" s="83"/>
      <c r="R119" s="83"/>
      <c r="S119" s="83"/>
      <c r="T119" s="83"/>
      <c r="U119" s="83"/>
      <c r="V119" s="3"/>
    </row>
    <row r="120" spans="1:22" ht="25.5" customHeight="1">
      <c r="A120" s="3"/>
      <c r="B120" s="83"/>
      <c r="C120" s="83"/>
      <c r="D120" s="83"/>
      <c r="E120" s="83"/>
      <c r="F120" s="83"/>
      <c r="G120" s="83"/>
      <c r="H120" s="83"/>
      <c r="I120" s="83"/>
      <c r="J120" s="83"/>
      <c r="K120" s="83"/>
      <c r="L120" s="83"/>
      <c r="M120" s="83"/>
      <c r="N120" s="83"/>
      <c r="O120" s="83"/>
      <c r="P120" s="83"/>
      <c r="Q120" s="83"/>
      <c r="R120" s="83"/>
      <c r="S120" s="83"/>
      <c r="T120" s="83"/>
      <c r="U120" s="83"/>
      <c r="V120" s="3"/>
    </row>
    <row r="121" spans="1:22" ht="25.5" customHeight="1">
      <c r="A121" s="3"/>
      <c r="B121" s="83"/>
      <c r="C121" s="83"/>
      <c r="D121" s="83"/>
      <c r="E121" s="83"/>
      <c r="F121" s="83"/>
      <c r="G121" s="83"/>
      <c r="H121" s="83"/>
      <c r="I121" s="83"/>
      <c r="J121" s="83"/>
      <c r="K121" s="83"/>
      <c r="L121" s="83"/>
      <c r="M121" s="83"/>
      <c r="N121" s="83"/>
      <c r="O121" s="83"/>
      <c r="P121" s="83"/>
      <c r="Q121" s="83"/>
      <c r="R121" s="83"/>
      <c r="S121" s="83"/>
      <c r="T121" s="83"/>
      <c r="U121" s="83"/>
      <c r="V121" s="3"/>
    </row>
    <row r="122" spans="1:22" ht="25.5" customHeight="1">
      <c r="A122" s="3"/>
      <c r="B122" s="83"/>
      <c r="C122" s="83"/>
      <c r="D122" s="83"/>
      <c r="E122" s="83"/>
      <c r="F122" s="83"/>
      <c r="G122" s="83"/>
      <c r="H122" s="83"/>
      <c r="I122" s="83"/>
      <c r="J122" s="83"/>
      <c r="K122" s="83"/>
      <c r="L122" s="83"/>
      <c r="M122" s="83"/>
      <c r="N122" s="83"/>
      <c r="O122" s="83"/>
      <c r="P122" s="83"/>
      <c r="Q122" s="83"/>
      <c r="R122" s="83"/>
      <c r="S122" s="83"/>
      <c r="T122" s="83"/>
      <c r="U122" s="83"/>
      <c r="V122" s="3"/>
    </row>
    <row r="123" spans="1:22" ht="25.5" customHeight="1">
      <c r="A123" s="3"/>
      <c r="B123" s="83"/>
      <c r="C123" s="83"/>
      <c r="D123" s="83"/>
      <c r="E123" s="83"/>
      <c r="F123" s="83"/>
      <c r="G123" s="83"/>
      <c r="H123" s="83"/>
      <c r="I123" s="83"/>
      <c r="J123" s="83"/>
      <c r="K123" s="83"/>
      <c r="L123" s="83"/>
      <c r="M123" s="83"/>
      <c r="N123" s="83"/>
      <c r="O123" s="83"/>
      <c r="P123" s="83"/>
      <c r="Q123" s="83"/>
      <c r="R123" s="83"/>
      <c r="S123" s="83"/>
      <c r="T123" s="83"/>
      <c r="U123" s="83"/>
      <c r="V123" s="3"/>
    </row>
    <row r="124" spans="1:22" ht="25.5" customHeight="1">
      <c r="A124" s="3"/>
      <c r="B124" s="83"/>
      <c r="C124" s="83"/>
      <c r="D124" s="83"/>
      <c r="E124" s="83"/>
      <c r="F124" s="83"/>
      <c r="G124" s="83"/>
      <c r="H124" s="83"/>
      <c r="I124" s="83"/>
      <c r="J124" s="83"/>
      <c r="K124" s="83"/>
      <c r="L124" s="83"/>
      <c r="M124" s="83"/>
      <c r="N124" s="83"/>
      <c r="O124" s="83"/>
      <c r="P124" s="83"/>
      <c r="Q124" s="83"/>
      <c r="R124" s="83"/>
      <c r="S124" s="83"/>
      <c r="T124" s="83"/>
      <c r="U124" s="83"/>
      <c r="V124" s="3"/>
    </row>
    <row r="125" spans="1:22" ht="25.5" customHeight="1">
      <c r="A125" s="3"/>
      <c r="B125" s="83"/>
      <c r="C125" s="83"/>
      <c r="D125" s="83"/>
      <c r="E125" s="83"/>
      <c r="F125" s="83"/>
      <c r="G125" s="83"/>
      <c r="H125" s="83"/>
      <c r="I125" s="83"/>
      <c r="J125" s="83"/>
      <c r="K125" s="83"/>
      <c r="L125" s="83"/>
      <c r="M125" s="83"/>
      <c r="N125" s="83"/>
      <c r="O125" s="83"/>
      <c r="P125" s="83"/>
      <c r="Q125" s="83"/>
      <c r="R125" s="83"/>
      <c r="S125" s="83"/>
      <c r="T125" s="83"/>
      <c r="U125" s="83"/>
      <c r="V125" s="3"/>
    </row>
    <row r="126" spans="1:22" ht="25.5" customHeight="1">
      <c r="A126" s="3"/>
      <c r="B126" s="83"/>
      <c r="C126" s="83"/>
      <c r="D126" s="83"/>
      <c r="E126" s="83"/>
      <c r="F126" s="83"/>
      <c r="G126" s="83"/>
      <c r="H126" s="83"/>
      <c r="I126" s="83"/>
      <c r="J126" s="83"/>
      <c r="K126" s="83"/>
      <c r="L126" s="83"/>
      <c r="M126" s="83"/>
      <c r="N126" s="83"/>
      <c r="O126" s="83"/>
      <c r="P126" s="83"/>
      <c r="Q126" s="83"/>
      <c r="R126" s="83"/>
      <c r="S126" s="83"/>
      <c r="T126" s="83"/>
      <c r="U126" s="83"/>
      <c r="V126" s="3"/>
    </row>
    <row r="127" spans="1:22" ht="25.5" customHeight="1">
      <c r="A127" s="3"/>
      <c r="B127" s="83"/>
      <c r="C127" s="83"/>
      <c r="D127" s="83"/>
      <c r="E127" s="83"/>
      <c r="F127" s="83"/>
      <c r="G127" s="83"/>
      <c r="H127" s="83"/>
      <c r="I127" s="83"/>
      <c r="J127" s="83"/>
      <c r="K127" s="83"/>
      <c r="L127" s="83"/>
      <c r="M127" s="83"/>
      <c r="N127" s="83"/>
      <c r="O127" s="83"/>
      <c r="P127" s="83"/>
      <c r="Q127" s="83"/>
      <c r="R127" s="83"/>
      <c r="S127" s="83"/>
      <c r="T127" s="83"/>
      <c r="U127" s="83"/>
      <c r="V127" s="3"/>
    </row>
    <row r="128" spans="1:22" ht="25.5" customHeight="1">
      <c r="A128" s="3"/>
      <c r="B128" s="83"/>
      <c r="C128" s="83"/>
      <c r="D128" s="83"/>
      <c r="E128" s="83"/>
      <c r="F128" s="83"/>
      <c r="G128" s="83"/>
      <c r="H128" s="83"/>
      <c r="I128" s="83"/>
      <c r="J128" s="83"/>
      <c r="K128" s="83"/>
      <c r="L128" s="83"/>
      <c r="M128" s="83"/>
      <c r="N128" s="83"/>
      <c r="O128" s="83"/>
      <c r="P128" s="83"/>
      <c r="Q128" s="83"/>
      <c r="R128" s="83"/>
      <c r="S128" s="83"/>
      <c r="T128" s="83"/>
      <c r="U128" s="83"/>
      <c r="V128" s="3"/>
    </row>
    <row r="129" spans="1:22" ht="25.5" customHeight="1">
      <c r="A129" s="3"/>
      <c r="B129" s="83"/>
      <c r="C129" s="83"/>
      <c r="D129" s="83"/>
      <c r="E129" s="83"/>
      <c r="F129" s="83"/>
      <c r="G129" s="83"/>
      <c r="H129" s="83"/>
      <c r="I129" s="83"/>
      <c r="J129" s="83"/>
      <c r="K129" s="83"/>
      <c r="L129" s="83"/>
      <c r="M129" s="83"/>
      <c r="N129" s="83"/>
      <c r="O129" s="83"/>
      <c r="P129" s="83"/>
      <c r="Q129" s="83"/>
      <c r="R129" s="83"/>
      <c r="S129" s="83"/>
      <c r="T129" s="83"/>
      <c r="U129" s="83"/>
      <c r="V129" s="3"/>
    </row>
    <row r="130" spans="1:22" ht="25.5" customHeight="1">
      <c r="A130" s="3"/>
      <c r="B130" s="83"/>
      <c r="C130" s="83"/>
      <c r="D130" s="83"/>
      <c r="E130" s="83"/>
      <c r="F130" s="83"/>
      <c r="G130" s="83"/>
      <c r="H130" s="83"/>
      <c r="I130" s="83"/>
      <c r="J130" s="83"/>
      <c r="K130" s="83"/>
      <c r="L130" s="83"/>
      <c r="M130" s="83"/>
      <c r="N130" s="83"/>
      <c r="O130" s="83"/>
      <c r="P130" s="83"/>
      <c r="Q130" s="83"/>
      <c r="R130" s="83"/>
      <c r="S130" s="83"/>
      <c r="T130" s="83"/>
      <c r="U130" s="83"/>
      <c r="V130" s="3"/>
    </row>
    <row r="131" spans="1:22" ht="25.5" customHeight="1">
      <c r="A131" s="3"/>
      <c r="B131" s="83"/>
      <c r="C131" s="83"/>
      <c r="D131" s="83"/>
      <c r="E131" s="83"/>
      <c r="F131" s="83"/>
      <c r="G131" s="83"/>
      <c r="H131" s="83"/>
      <c r="I131" s="83"/>
      <c r="J131" s="83"/>
      <c r="K131" s="83"/>
      <c r="L131" s="83"/>
      <c r="M131" s="83"/>
      <c r="N131" s="83"/>
      <c r="O131" s="83"/>
      <c r="P131" s="83"/>
      <c r="Q131" s="83"/>
      <c r="R131" s="83"/>
      <c r="S131" s="83"/>
      <c r="T131" s="83"/>
      <c r="U131" s="83"/>
      <c r="V131" s="3"/>
    </row>
    <row r="132" spans="1:22" ht="25.5" customHeight="1">
      <c r="A132" s="3"/>
      <c r="B132" s="83"/>
      <c r="C132" s="83"/>
      <c r="D132" s="83"/>
      <c r="E132" s="83"/>
      <c r="F132" s="83"/>
      <c r="G132" s="83"/>
      <c r="H132" s="83"/>
      <c r="I132" s="83"/>
      <c r="J132" s="83"/>
      <c r="K132" s="83"/>
      <c r="L132" s="83"/>
      <c r="M132" s="83"/>
      <c r="N132" s="83"/>
      <c r="O132" s="83"/>
      <c r="P132" s="83"/>
      <c r="Q132" s="83"/>
      <c r="R132" s="83"/>
      <c r="S132" s="83"/>
      <c r="T132" s="83"/>
      <c r="U132" s="83"/>
      <c r="V132" s="3"/>
    </row>
    <row r="133" spans="1:22" ht="25.5" customHeight="1">
      <c r="A133" s="3"/>
      <c r="B133" s="83"/>
      <c r="C133" s="83"/>
      <c r="D133" s="83"/>
      <c r="E133" s="83"/>
      <c r="F133" s="83"/>
      <c r="G133" s="83"/>
      <c r="H133" s="83"/>
      <c r="I133" s="83"/>
      <c r="J133" s="83"/>
      <c r="K133" s="83"/>
      <c r="L133" s="83"/>
      <c r="M133" s="83"/>
      <c r="N133" s="83"/>
      <c r="O133" s="83"/>
      <c r="P133" s="83"/>
      <c r="Q133" s="83"/>
      <c r="R133" s="83"/>
      <c r="S133" s="83"/>
      <c r="T133" s="83"/>
      <c r="U133" s="83"/>
      <c r="V133" s="3"/>
    </row>
    <row r="134" spans="1:22" ht="25.5" customHeight="1">
      <c r="A134" s="3"/>
      <c r="B134" s="83"/>
      <c r="C134" s="83"/>
      <c r="D134" s="83"/>
      <c r="E134" s="83"/>
      <c r="F134" s="83"/>
      <c r="G134" s="83"/>
      <c r="H134" s="83"/>
      <c r="I134" s="83"/>
      <c r="J134" s="83"/>
      <c r="K134" s="83"/>
      <c r="L134" s="83"/>
      <c r="M134" s="83"/>
      <c r="N134" s="83"/>
      <c r="O134" s="83"/>
      <c r="P134" s="83"/>
      <c r="Q134" s="83"/>
      <c r="R134" s="83"/>
      <c r="S134" s="83"/>
      <c r="T134" s="83"/>
      <c r="U134" s="83"/>
      <c r="V134" s="3"/>
    </row>
    <row r="135" spans="1:22" ht="25.5" customHeight="1">
      <c r="A135" s="3"/>
      <c r="B135" s="83"/>
      <c r="C135" s="83"/>
      <c r="D135" s="83"/>
      <c r="E135" s="83"/>
      <c r="F135" s="83"/>
      <c r="G135" s="83"/>
      <c r="H135" s="83"/>
      <c r="I135" s="83"/>
      <c r="J135" s="83"/>
      <c r="K135" s="83"/>
      <c r="L135" s="83"/>
      <c r="M135" s="83"/>
      <c r="N135" s="83"/>
      <c r="O135" s="83"/>
      <c r="P135" s="83"/>
      <c r="Q135" s="83"/>
      <c r="R135" s="83"/>
      <c r="S135" s="83"/>
      <c r="T135" s="83"/>
      <c r="U135" s="83"/>
      <c r="V135" s="3"/>
    </row>
    <row r="136" spans="1:22" ht="25.5" customHeight="1">
      <c r="A136" s="3"/>
      <c r="B136" s="83"/>
      <c r="C136" s="83"/>
      <c r="D136" s="83"/>
      <c r="E136" s="83"/>
      <c r="F136" s="83"/>
      <c r="G136" s="83"/>
      <c r="H136" s="83"/>
      <c r="I136" s="83"/>
      <c r="J136" s="83"/>
      <c r="K136" s="83"/>
      <c r="L136" s="83"/>
      <c r="M136" s="83"/>
      <c r="N136" s="83"/>
      <c r="O136" s="83"/>
      <c r="P136" s="83"/>
      <c r="Q136" s="83"/>
      <c r="R136" s="83"/>
      <c r="S136" s="83"/>
      <c r="T136" s="83"/>
      <c r="U136" s="83"/>
      <c r="V136" s="3"/>
    </row>
    <row r="137" spans="1:22" ht="25.5" customHeight="1">
      <c r="A137" s="3"/>
      <c r="B137" s="83"/>
      <c r="C137" s="83"/>
      <c r="D137" s="83"/>
      <c r="E137" s="83"/>
      <c r="F137" s="83"/>
      <c r="G137" s="83"/>
      <c r="H137" s="83"/>
      <c r="I137" s="83"/>
      <c r="J137" s="83"/>
      <c r="K137" s="83"/>
      <c r="L137" s="83"/>
      <c r="M137" s="83"/>
      <c r="N137" s="83"/>
      <c r="O137" s="83"/>
      <c r="P137" s="83"/>
      <c r="Q137" s="83"/>
      <c r="R137" s="83"/>
      <c r="S137" s="83"/>
      <c r="T137" s="83"/>
      <c r="U137" s="83"/>
      <c r="V137" s="3"/>
    </row>
    <row r="138" spans="1:22" ht="25.5" customHeight="1">
      <c r="A138" s="3"/>
      <c r="B138" s="83"/>
      <c r="C138" s="83"/>
      <c r="D138" s="83"/>
      <c r="E138" s="83"/>
      <c r="F138" s="83"/>
      <c r="G138" s="83"/>
      <c r="H138" s="83"/>
      <c r="I138" s="83"/>
      <c r="J138" s="83"/>
      <c r="K138" s="83"/>
      <c r="L138" s="83"/>
      <c r="M138" s="83"/>
      <c r="N138" s="83"/>
      <c r="O138" s="83"/>
      <c r="P138" s="83"/>
      <c r="Q138" s="83"/>
      <c r="R138" s="83"/>
      <c r="S138" s="83"/>
      <c r="T138" s="83"/>
      <c r="U138" s="83"/>
      <c r="V138" s="3"/>
    </row>
    <row r="139" spans="1:22" ht="25.5" customHeight="1">
      <c r="A139" s="3"/>
      <c r="B139" s="83"/>
      <c r="C139" s="83"/>
      <c r="D139" s="83"/>
      <c r="E139" s="83"/>
      <c r="F139" s="83"/>
      <c r="G139" s="83"/>
      <c r="H139" s="83"/>
      <c r="I139" s="83"/>
      <c r="J139" s="83"/>
      <c r="K139" s="83"/>
      <c r="L139" s="83"/>
      <c r="M139" s="83"/>
      <c r="N139" s="83"/>
      <c r="O139" s="83"/>
      <c r="P139" s="83"/>
      <c r="Q139" s="83"/>
      <c r="R139" s="83"/>
      <c r="S139" s="83"/>
      <c r="T139" s="83"/>
      <c r="U139" s="83"/>
      <c r="V139" s="3"/>
    </row>
    <row r="140" spans="1:22" ht="25.5" customHeight="1">
      <c r="A140" s="3"/>
      <c r="B140" s="83"/>
      <c r="C140" s="83"/>
      <c r="D140" s="83"/>
      <c r="E140" s="83"/>
      <c r="F140" s="83"/>
      <c r="G140" s="83"/>
      <c r="H140" s="83"/>
      <c r="I140" s="83"/>
      <c r="J140" s="83"/>
      <c r="K140" s="83"/>
      <c r="L140" s="83"/>
      <c r="M140" s="83"/>
      <c r="N140" s="83"/>
      <c r="O140" s="83"/>
      <c r="P140" s="83"/>
      <c r="Q140" s="83"/>
      <c r="R140" s="83"/>
      <c r="S140" s="83"/>
      <c r="T140" s="83"/>
      <c r="U140" s="83"/>
      <c r="V140" s="3"/>
    </row>
    <row r="141" spans="1:22" ht="25.5" customHeight="1">
      <c r="A141" s="3"/>
      <c r="B141" s="83"/>
      <c r="C141" s="83"/>
      <c r="D141" s="83"/>
      <c r="E141" s="83"/>
      <c r="F141" s="83"/>
      <c r="G141" s="83"/>
      <c r="H141" s="83"/>
      <c r="I141" s="83"/>
      <c r="J141" s="83"/>
      <c r="K141" s="83"/>
      <c r="L141" s="83"/>
      <c r="M141" s="83"/>
      <c r="N141" s="83"/>
      <c r="O141" s="83"/>
      <c r="P141" s="83"/>
      <c r="Q141" s="83"/>
      <c r="R141" s="83"/>
      <c r="S141" s="83"/>
      <c r="T141" s="83"/>
      <c r="U141" s="83"/>
      <c r="V141" s="3"/>
    </row>
    <row r="142" spans="1:22" ht="25.5" customHeight="1">
      <c r="A142" s="3"/>
      <c r="B142" s="83"/>
      <c r="C142" s="83"/>
      <c r="D142" s="83"/>
      <c r="E142" s="83"/>
      <c r="F142" s="83"/>
      <c r="G142" s="83"/>
      <c r="H142" s="83"/>
      <c r="I142" s="83"/>
      <c r="J142" s="83"/>
      <c r="K142" s="83"/>
      <c r="L142" s="83"/>
      <c r="M142" s="83"/>
      <c r="N142" s="83"/>
      <c r="O142" s="83"/>
      <c r="P142" s="83"/>
      <c r="Q142" s="83"/>
      <c r="R142" s="83"/>
      <c r="S142" s="83"/>
      <c r="T142" s="83"/>
      <c r="U142" s="83"/>
      <c r="V142" s="3"/>
    </row>
    <row r="143" spans="1:22" ht="25.5" customHeight="1">
      <c r="A143" s="3"/>
      <c r="B143" s="83"/>
      <c r="C143" s="83"/>
      <c r="D143" s="83"/>
      <c r="E143" s="83"/>
      <c r="F143" s="83"/>
      <c r="G143" s="83"/>
      <c r="H143" s="83"/>
      <c r="I143" s="83"/>
      <c r="J143" s="83"/>
      <c r="K143" s="83"/>
      <c r="L143" s="83"/>
      <c r="M143" s="83"/>
      <c r="N143" s="83"/>
      <c r="O143" s="83"/>
      <c r="P143" s="83"/>
      <c r="Q143" s="83"/>
      <c r="R143" s="83"/>
      <c r="S143" s="83"/>
      <c r="T143" s="83"/>
      <c r="U143" s="83"/>
      <c r="V143" s="3"/>
    </row>
    <row r="144" spans="1:22" ht="25.5" customHeight="1">
      <c r="A144" s="3"/>
      <c r="B144" s="83"/>
      <c r="C144" s="83"/>
      <c r="D144" s="83"/>
      <c r="E144" s="83"/>
      <c r="F144" s="83"/>
      <c r="G144" s="83"/>
      <c r="H144" s="83"/>
      <c r="I144" s="83"/>
      <c r="J144" s="83"/>
      <c r="K144" s="83"/>
      <c r="L144" s="83"/>
      <c r="M144" s="83"/>
      <c r="N144" s="83"/>
      <c r="O144" s="83"/>
      <c r="P144" s="83"/>
      <c r="Q144" s="83"/>
      <c r="R144" s="83"/>
      <c r="S144" s="83"/>
      <c r="T144" s="83"/>
      <c r="U144" s="83"/>
      <c r="V144" s="3"/>
    </row>
    <row r="145" spans="1:22" ht="25.5" customHeight="1">
      <c r="A145" s="3"/>
      <c r="B145" s="83"/>
      <c r="C145" s="83"/>
      <c r="D145" s="83"/>
      <c r="E145" s="83"/>
      <c r="F145" s="83"/>
      <c r="G145" s="83"/>
      <c r="H145" s="83"/>
      <c r="I145" s="83"/>
      <c r="J145" s="83"/>
      <c r="K145" s="83"/>
      <c r="L145" s="83"/>
      <c r="M145" s="83"/>
      <c r="N145" s="83"/>
      <c r="O145" s="83"/>
      <c r="P145" s="83"/>
      <c r="Q145" s="83"/>
      <c r="R145" s="83"/>
      <c r="S145" s="83"/>
      <c r="T145" s="83"/>
      <c r="U145" s="83"/>
      <c r="V145" s="3"/>
    </row>
    <row r="146" spans="1:22" ht="25.5" customHeight="1">
      <c r="A146" s="3"/>
      <c r="B146" s="83"/>
      <c r="C146" s="83"/>
      <c r="D146" s="83"/>
      <c r="E146" s="83"/>
      <c r="F146" s="83"/>
      <c r="G146" s="83"/>
      <c r="H146" s="83"/>
      <c r="I146" s="83"/>
      <c r="J146" s="83"/>
      <c r="K146" s="83"/>
      <c r="L146" s="83"/>
      <c r="M146" s="83"/>
      <c r="N146" s="83"/>
      <c r="O146" s="83"/>
      <c r="P146" s="83"/>
      <c r="Q146" s="83"/>
      <c r="R146" s="83"/>
      <c r="S146" s="83"/>
      <c r="T146" s="83"/>
      <c r="U146" s="83"/>
      <c r="V146" s="3"/>
    </row>
    <row r="147" spans="1:22" ht="25.5" customHeight="1">
      <c r="A147" s="3"/>
      <c r="B147" s="83"/>
      <c r="C147" s="83"/>
      <c r="D147" s="83"/>
      <c r="E147" s="83"/>
      <c r="F147" s="83"/>
      <c r="G147" s="83"/>
      <c r="H147" s="83"/>
      <c r="I147" s="83"/>
      <c r="J147" s="83"/>
      <c r="K147" s="83"/>
      <c r="L147" s="83"/>
      <c r="M147" s="83"/>
      <c r="N147" s="83"/>
      <c r="O147" s="83"/>
      <c r="P147" s="83"/>
      <c r="Q147" s="83"/>
      <c r="R147" s="83"/>
      <c r="S147" s="83"/>
      <c r="T147" s="83"/>
      <c r="U147" s="83"/>
      <c r="V147" s="3"/>
    </row>
    <row r="148" spans="1:22" ht="25.5" customHeight="1">
      <c r="A148" s="3"/>
      <c r="B148" s="83"/>
      <c r="C148" s="83"/>
      <c r="D148" s="83"/>
      <c r="E148" s="83"/>
      <c r="F148" s="83"/>
      <c r="G148" s="83"/>
      <c r="H148" s="83"/>
      <c r="I148" s="83"/>
      <c r="J148" s="83"/>
      <c r="K148" s="83"/>
      <c r="L148" s="83"/>
      <c r="M148" s="83"/>
      <c r="N148" s="83"/>
      <c r="O148" s="83"/>
      <c r="P148" s="83"/>
      <c r="Q148" s="83"/>
      <c r="R148" s="83"/>
      <c r="S148" s="83"/>
      <c r="T148" s="83"/>
      <c r="U148" s="83"/>
      <c r="V148" s="3"/>
    </row>
    <row r="149" spans="1:22" ht="25.5" customHeight="1">
      <c r="A149" s="3"/>
      <c r="B149" s="83"/>
      <c r="C149" s="83"/>
      <c r="D149" s="83"/>
      <c r="E149" s="83"/>
      <c r="F149" s="83"/>
      <c r="G149" s="83"/>
      <c r="H149" s="83"/>
      <c r="I149" s="83"/>
      <c r="J149" s="83"/>
      <c r="K149" s="83"/>
      <c r="L149" s="83"/>
      <c r="M149" s="83"/>
      <c r="N149" s="83"/>
      <c r="O149" s="83"/>
      <c r="P149" s="83"/>
      <c r="Q149" s="83"/>
      <c r="R149" s="83"/>
      <c r="S149" s="83"/>
      <c r="T149" s="83"/>
      <c r="U149" s="83"/>
      <c r="V149" s="3"/>
    </row>
    <row r="150" spans="1:22" ht="25.5" customHeight="1">
      <c r="A150" s="3"/>
      <c r="B150" s="83"/>
      <c r="C150" s="83"/>
      <c r="D150" s="83"/>
      <c r="E150" s="83"/>
      <c r="F150" s="83"/>
      <c r="G150" s="83"/>
      <c r="H150" s="83"/>
      <c r="I150" s="83"/>
      <c r="J150" s="83"/>
      <c r="K150" s="83"/>
      <c r="L150" s="83"/>
      <c r="M150" s="83"/>
      <c r="N150" s="83"/>
      <c r="O150" s="83"/>
      <c r="P150" s="83"/>
      <c r="Q150" s="83"/>
      <c r="R150" s="83"/>
      <c r="S150" s="83"/>
      <c r="T150" s="83"/>
      <c r="U150" s="83"/>
      <c r="V150" s="3"/>
    </row>
    <row r="151" spans="1:22" ht="25.5" customHeight="1">
      <c r="A151" s="3"/>
      <c r="B151" s="83"/>
      <c r="C151" s="83"/>
      <c r="D151" s="83"/>
      <c r="E151" s="83"/>
      <c r="F151" s="83"/>
      <c r="G151" s="83"/>
      <c r="H151" s="83"/>
      <c r="I151" s="83"/>
      <c r="J151" s="83"/>
      <c r="K151" s="83"/>
      <c r="L151" s="83"/>
      <c r="M151" s="83"/>
      <c r="N151" s="83"/>
      <c r="O151" s="83"/>
      <c r="P151" s="83"/>
      <c r="Q151" s="83"/>
      <c r="R151" s="83"/>
      <c r="S151" s="83"/>
      <c r="T151" s="83"/>
      <c r="U151" s="83"/>
      <c r="V151" s="3"/>
    </row>
    <row r="152" spans="1:22" ht="25.5" customHeight="1">
      <c r="A152" s="3"/>
      <c r="B152" s="83"/>
      <c r="C152" s="83"/>
      <c r="D152" s="83"/>
      <c r="E152" s="83"/>
      <c r="F152" s="83"/>
      <c r="G152" s="83"/>
      <c r="H152" s="83"/>
      <c r="I152" s="83"/>
      <c r="J152" s="83"/>
      <c r="K152" s="83"/>
      <c r="L152" s="83"/>
      <c r="M152" s="83"/>
      <c r="N152" s="83"/>
      <c r="O152" s="83"/>
      <c r="P152" s="83"/>
      <c r="Q152" s="83"/>
      <c r="R152" s="83"/>
      <c r="S152" s="83"/>
      <c r="T152" s="83"/>
      <c r="U152" s="83"/>
      <c r="V152" s="3"/>
    </row>
    <row r="153" spans="1:22" ht="25.5" customHeight="1">
      <c r="A153" s="3"/>
      <c r="B153" s="83"/>
      <c r="C153" s="83"/>
      <c r="D153" s="83"/>
      <c r="E153" s="83"/>
      <c r="F153" s="83"/>
      <c r="G153" s="83"/>
      <c r="H153" s="83"/>
      <c r="I153" s="83"/>
      <c r="J153" s="83"/>
      <c r="K153" s="83"/>
      <c r="L153" s="83"/>
      <c r="M153" s="83"/>
      <c r="N153" s="83"/>
      <c r="O153" s="83"/>
      <c r="P153" s="83"/>
      <c r="Q153" s="83"/>
      <c r="R153" s="83"/>
      <c r="S153" s="83"/>
      <c r="T153" s="83"/>
      <c r="U153" s="83"/>
      <c r="V153" s="3"/>
    </row>
    <row r="154" spans="1:22" ht="25.5" customHeight="1">
      <c r="A154" s="3"/>
      <c r="B154" s="83"/>
      <c r="C154" s="83"/>
      <c r="D154" s="83"/>
      <c r="E154" s="83"/>
      <c r="F154" s="83"/>
      <c r="G154" s="83"/>
      <c r="H154" s="83"/>
      <c r="I154" s="83"/>
      <c r="J154" s="83"/>
      <c r="K154" s="83"/>
      <c r="L154" s="83"/>
      <c r="M154" s="83"/>
      <c r="N154" s="83"/>
      <c r="O154" s="83"/>
      <c r="P154" s="83"/>
      <c r="Q154" s="83"/>
      <c r="R154" s="83"/>
      <c r="S154" s="83"/>
      <c r="T154" s="83"/>
      <c r="U154" s="83"/>
      <c r="V154" s="3"/>
    </row>
    <row r="155" spans="1:22" ht="25.5" customHeight="1">
      <c r="A155" s="3"/>
      <c r="B155" s="83"/>
      <c r="C155" s="83"/>
      <c r="D155" s="83"/>
      <c r="E155" s="83"/>
      <c r="F155" s="83"/>
      <c r="G155" s="83"/>
      <c r="H155" s="83"/>
      <c r="I155" s="83"/>
      <c r="J155" s="83"/>
      <c r="K155" s="83"/>
      <c r="L155" s="83"/>
      <c r="M155" s="83"/>
      <c r="N155" s="83"/>
      <c r="O155" s="83"/>
      <c r="P155" s="83"/>
      <c r="Q155" s="83"/>
      <c r="R155" s="83"/>
      <c r="S155" s="83"/>
      <c r="T155" s="83"/>
      <c r="U155" s="83"/>
      <c r="V155" s="3"/>
    </row>
    <row r="156" spans="1:22" ht="25.5" customHeight="1">
      <c r="A156" s="3"/>
      <c r="B156" s="83"/>
      <c r="C156" s="83"/>
      <c r="D156" s="83"/>
      <c r="E156" s="83"/>
      <c r="F156" s="83"/>
      <c r="G156" s="83"/>
      <c r="H156" s="83"/>
      <c r="I156" s="83"/>
      <c r="J156" s="83"/>
      <c r="K156" s="83"/>
      <c r="L156" s="83"/>
      <c r="M156" s="83"/>
      <c r="N156" s="83"/>
      <c r="O156" s="83"/>
      <c r="P156" s="83"/>
      <c r="Q156" s="83"/>
      <c r="R156" s="83"/>
      <c r="S156" s="83"/>
      <c r="T156" s="83"/>
      <c r="U156" s="83"/>
      <c r="V156" s="3"/>
    </row>
    <row r="157" spans="1:22" ht="25.5" customHeight="1">
      <c r="A157" s="3"/>
      <c r="B157" s="83"/>
      <c r="C157" s="83"/>
      <c r="D157" s="83"/>
      <c r="E157" s="83"/>
      <c r="F157" s="83"/>
      <c r="G157" s="83"/>
      <c r="H157" s="83"/>
      <c r="I157" s="83"/>
      <c r="J157" s="83"/>
      <c r="K157" s="83"/>
      <c r="L157" s="83"/>
      <c r="M157" s="83"/>
      <c r="N157" s="83"/>
      <c r="O157" s="83"/>
      <c r="P157" s="83"/>
      <c r="Q157" s="83"/>
      <c r="R157" s="83"/>
      <c r="S157" s="83"/>
      <c r="T157" s="83"/>
      <c r="U157" s="83"/>
      <c r="V157" s="3"/>
    </row>
    <row r="158" spans="1:22" ht="27.75">
      <c r="B158" s="26"/>
      <c r="C158" s="26"/>
      <c r="D158" s="26"/>
      <c r="E158" s="26"/>
      <c r="F158" s="26"/>
      <c r="G158" s="26"/>
      <c r="H158" s="26"/>
      <c r="I158" s="26"/>
      <c r="J158" s="26"/>
      <c r="K158" s="26"/>
      <c r="L158" s="26"/>
      <c r="M158" s="26"/>
      <c r="N158" s="26"/>
      <c r="O158" s="26"/>
      <c r="P158" s="26"/>
      <c r="Q158" s="26"/>
      <c r="R158" s="26"/>
      <c r="S158" s="26"/>
      <c r="T158" s="66"/>
      <c r="U158" s="66"/>
    </row>
    <row r="159" spans="1:22" ht="27.75">
      <c r="B159" s="26"/>
      <c r="C159" s="26"/>
      <c r="D159" s="26"/>
      <c r="E159" s="26"/>
      <c r="F159" s="26"/>
      <c r="G159" s="26"/>
      <c r="H159" s="26"/>
      <c r="I159" s="26"/>
      <c r="J159" s="26"/>
      <c r="K159" s="26"/>
      <c r="L159" s="26"/>
      <c r="M159" s="26"/>
      <c r="N159" s="26"/>
      <c r="O159" s="26"/>
      <c r="P159" s="26"/>
      <c r="Q159" s="26"/>
      <c r="R159" s="26"/>
      <c r="S159" s="26"/>
      <c r="T159" s="66"/>
      <c r="U159" s="66"/>
    </row>
    <row r="160" spans="1:22" ht="27.75">
      <c r="B160" s="26"/>
      <c r="C160" s="26"/>
      <c r="D160" s="26"/>
      <c r="E160" s="26"/>
      <c r="F160" s="26"/>
      <c r="G160" s="26"/>
      <c r="H160" s="26"/>
      <c r="I160" s="26"/>
      <c r="J160" s="26"/>
      <c r="K160" s="26"/>
      <c r="L160" s="26"/>
      <c r="M160" s="26"/>
      <c r="N160" s="26"/>
      <c r="O160" s="26"/>
      <c r="P160" s="26"/>
      <c r="Q160" s="26"/>
      <c r="R160" s="26"/>
      <c r="S160" s="26"/>
      <c r="T160" s="66"/>
      <c r="U160" s="66"/>
    </row>
    <row r="161" spans="2:21" ht="27.75">
      <c r="B161" s="26"/>
      <c r="C161" s="26"/>
      <c r="D161" s="26"/>
      <c r="E161" s="26"/>
      <c r="F161" s="26"/>
      <c r="G161" s="26"/>
      <c r="H161" s="26"/>
      <c r="I161" s="26"/>
      <c r="J161" s="26"/>
      <c r="K161" s="26"/>
      <c r="L161" s="26"/>
      <c r="M161" s="26"/>
      <c r="N161" s="26"/>
      <c r="O161" s="26"/>
      <c r="P161" s="26"/>
      <c r="Q161" s="26"/>
      <c r="R161" s="26"/>
      <c r="S161" s="26"/>
      <c r="T161" s="66"/>
      <c r="U161" s="66"/>
    </row>
    <row r="162" spans="2:21" ht="27.75">
      <c r="B162" s="26"/>
      <c r="C162" s="26"/>
      <c r="D162" s="26"/>
      <c r="E162" s="26"/>
      <c r="F162" s="26"/>
      <c r="G162" s="26"/>
      <c r="H162" s="26"/>
      <c r="I162" s="26"/>
      <c r="J162" s="26"/>
      <c r="K162" s="26"/>
      <c r="L162" s="26"/>
      <c r="M162" s="26"/>
      <c r="N162" s="26"/>
      <c r="O162" s="26"/>
      <c r="P162" s="26"/>
      <c r="Q162" s="26"/>
      <c r="R162" s="26"/>
      <c r="S162" s="26"/>
      <c r="T162" s="66"/>
      <c r="U162" s="66"/>
    </row>
    <row r="163" spans="2:21" ht="27.75">
      <c r="B163" s="26"/>
      <c r="C163" s="26"/>
      <c r="D163" s="26"/>
      <c r="E163" s="26"/>
      <c r="F163" s="26"/>
      <c r="G163" s="26"/>
      <c r="H163" s="26"/>
      <c r="I163" s="26"/>
      <c r="J163" s="26"/>
      <c r="K163" s="26"/>
      <c r="L163" s="26"/>
      <c r="M163" s="26"/>
      <c r="N163" s="26"/>
      <c r="O163" s="26"/>
      <c r="P163" s="26"/>
      <c r="Q163" s="26"/>
      <c r="R163" s="26"/>
      <c r="S163" s="26"/>
      <c r="T163" s="66"/>
      <c r="U163" s="66"/>
    </row>
    <row r="164" spans="2:21" ht="27.75">
      <c r="B164" s="26"/>
      <c r="C164" s="26"/>
      <c r="D164" s="26"/>
      <c r="E164" s="26"/>
      <c r="F164" s="26"/>
      <c r="G164" s="26"/>
      <c r="H164" s="26"/>
      <c r="I164" s="26"/>
      <c r="J164" s="26"/>
      <c r="K164" s="26"/>
      <c r="L164" s="26"/>
      <c r="M164" s="26"/>
      <c r="N164" s="26"/>
      <c r="O164" s="26"/>
      <c r="P164" s="26"/>
      <c r="Q164" s="26"/>
      <c r="R164" s="26"/>
      <c r="S164" s="26"/>
      <c r="T164" s="66"/>
      <c r="U164" s="66"/>
    </row>
    <row r="165" spans="2:21" ht="27.75">
      <c r="B165" s="26"/>
      <c r="C165" s="26"/>
      <c r="D165" s="26"/>
      <c r="E165" s="26"/>
      <c r="F165" s="26"/>
      <c r="G165" s="26"/>
      <c r="H165" s="26"/>
      <c r="I165" s="26"/>
      <c r="J165" s="26"/>
      <c r="K165" s="26"/>
      <c r="L165" s="26"/>
      <c r="M165" s="26"/>
      <c r="N165" s="26"/>
      <c r="O165" s="26"/>
      <c r="P165" s="26"/>
      <c r="Q165" s="26"/>
      <c r="R165" s="26"/>
      <c r="S165" s="26"/>
      <c r="T165" s="66"/>
      <c r="U165" s="66"/>
    </row>
    <row r="166" spans="2:21" ht="27.75">
      <c r="B166" s="26"/>
      <c r="C166" s="26"/>
      <c r="D166" s="26"/>
      <c r="E166" s="26"/>
      <c r="F166" s="26"/>
      <c r="G166" s="26"/>
      <c r="H166" s="26"/>
      <c r="I166" s="26"/>
      <c r="J166" s="26"/>
      <c r="K166" s="26"/>
      <c r="L166" s="26"/>
      <c r="M166" s="26"/>
      <c r="N166" s="26"/>
      <c r="O166" s="26"/>
      <c r="P166" s="26"/>
      <c r="Q166" s="26"/>
      <c r="R166" s="26"/>
      <c r="S166" s="26"/>
      <c r="T166" s="66"/>
      <c r="U166" s="66"/>
    </row>
    <row r="167" spans="2:21" ht="27.75">
      <c r="B167" s="26"/>
      <c r="C167" s="26"/>
      <c r="D167" s="26"/>
      <c r="E167" s="26"/>
      <c r="F167" s="26"/>
      <c r="G167" s="26"/>
      <c r="H167" s="26"/>
      <c r="I167" s="26"/>
      <c r="J167" s="26"/>
      <c r="K167" s="26"/>
      <c r="L167" s="26"/>
      <c r="M167" s="26"/>
      <c r="N167" s="26"/>
      <c r="O167" s="26"/>
      <c r="P167" s="26"/>
      <c r="Q167" s="26"/>
      <c r="R167" s="26"/>
      <c r="S167" s="26"/>
      <c r="T167" s="66"/>
      <c r="U167" s="66"/>
    </row>
    <row r="168" spans="2:21" ht="27.75">
      <c r="B168" s="26"/>
      <c r="C168" s="26"/>
      <c r="D168" s="26"/>
      <c r="E168" s="26"/>
      <c r="F168" s="26"/>
      <c r="G168" s="26"/>
      <c r="H168" s="26"/>
      <c r="I168" s="26"/>
      <c r="J168" s="26"/>
      <c r="K168" s="26"/>
      <c r="L168" s="26"/>
      <c r="M168" s="26"/>
      <c r="N168" s="26"/>
      <c r="O168" s="26"/>
      <c r="P168" s="26"/>
      <c r="Q168" s="26"/>
      <c r="R168" s="26"/>
      <c r="S168" s="26"/>
      <c r="T168" s="66"/>
      <c r="U168" s="66"/>
    </row>
    <row r="169" spans="2:21" ht="27.75">
      <c r="B169" s="26"/>
      <c r="C169" s="26"/>
      <c r="D169" s="26"/>
      <c r="E169" s="26"/>
      <c r="F169" s="26"/>
      <c r="G169" s="26"/>
      <c r="H169" s="26"/>
      <c r="I169" s="26"/>
      <c r="J169" s="26"/>
      <c r="K169" s="26"/>
      <c r="L169" s="26"/>
      <c r="M169" s="26"/>
      <c r="N169" s="26"/>
      <c r="O169" s="26"/>
      <c r="P169" s="26"/>
      <c r="Q169" s="26"/>
      <c r="R169" s="26"/>
      <c r="S169" s="26"/>
      <c r="T169" s="66"/>
      <c r="U169" s="66"/>
    </row>
    <row r="170" spans="2:21" ht="27.75">
      <c r="B170" s="26"/>
      <c r="C170" s="26"/>
      <c r="D170" s="26"/>
      <c r="E170" s="26"/>
      <c r="F170" s="26"/>
      <c r="G170" s="26"/>
      <c r="H170" s="26"/>
      <c r="I170" s="26"/>
      <c r="J170" s="26"/>
      <c r="K170" s="26"/>
      <c r="L170" s="26"/>
      <c r="M170" s="26"/>
      <c r="N170" s="26"/>
      <c r="O170" s="26"/>
      <c r="P170" s="26"/>
      <c r="Q170" s="26"/>
      <c r="R170" s="26"/>
      <c r="S170" s="26"/>
      <c r="T170" s="66"/>
      <c r="U170" s="66"/>
    </row>
    <row r="171" spans="2:21" ht="27.75">
      <c r="B171" s="26"/>
      <c r="C171" s="26"/>
      <c r="D171" s="26"/>
      <c r="E171" s="26"/>
      <c r="F171" s="26"/>
      <c r="G171" s="26"/>
      <c r="H171" s="26"/>
      <c r="I171" s="26"/>
      <c r="J171" s="26"/>
      <c r="K171" s="26"/>
      <c r="L171" s="26"/>
      <c r="M171" s="26"/>
      <c r="N171" s="26"/>
      <c r="O171" s="26"/>
      <c r="P171" s="26"/>
      <c r="Q171" s="26"/>
      <c r="R171" s="26"/>
      <c r="S171" s="26"/>
      <c r="T171" s="66"/>
      <c r="U171" s="66"/>
    </row>
    <row r="172" spans="2:21" ht="27.75">
      <c r="B172" s="26"/>
      <c r="C172" s="26"/>
      <c r="D172" s="26"/>
      <c r="E172" s="26"/>
      <c r="F172" s="26"/>
      <c r="G172" s="26"/>
      <c r="H172" s="26"/>
      <c r="I172" s="26"/>
      <c r="J172" s="26"/>
      <c r="K172" s="26"/>
      <c r="L172" s="26"/>
      <c r="M172" s="26"/>
      <c r="N172" s="26"/>
      <c r="O172" s="26"/>
      <c r="P172" s="26"/>
      <c r="Q172" s="26"/>
      <c r="R172" s="26"/>
      <c r="S172" s="26"/>
      <c r="T172" s="66"/>
      <c r="U172" s="66"/>
    </row>
    <row r="173" spans="2:21" ht="27.75">
      <c r="B173" s="26"/>
      <c r="C173" s="26"/>
      <c r="D173" s="26"/>
      <c r="E173" s="26"/>
      <c r="F173" s="26"/>
      <c r="G173" s="26"/>
      <c r="H173" s="26"/>
      <c r="I173" s="26"/>
      <c r="J173" s="26"/>
      <c r="K173" s="26"/>
      <c r="L173" s="26"/>
      <c r="M173" s="26"/>
      <c r="N173" s="26"/>
      <c r="O173" s="26"/>
      <c r="P173" s="26"/>
      <c r="Q173" s="26"/>
      <c r="R173" s="26"/>
      <c r="S173" s="26"/>
      <c r="T173" s="66"/>
      <c r="U173" s="66"/>
    </row>
    <row r="174" spans="2:21" ht="27.75">
      <c r="B174" s="26"/>
      <c r="C174" s="26"/>
      <c r="D174" s="26"/>
      <c r="E174" s="26"/>
      <c r="F174" s="26"/>
      <c r="G174" s="26"/>
      <c r="H174" s="26"/>
      <c r="I174" s="26"/>
      <c r="J174" s="26"/>
      <c r="K174" s="26"/>
      <c r="L174" s="26"/>
      <c r="M174" s="26"/>
      <c r="N174" s="26"/>
      <c r="O174" s="26"/>
      <c r="P174" s="26"/>
      <c r="Q174" s="26"/>
      <c r="R174" s="26"/>
      <c r="S174" s="26"/>
      <c r="T174" s="66"/>
      <c r="U174" s="66"/>
    </row>
    <row r="175" spans="2:21" ht="27.75">
      <c r="B175" s="26"/>
      <c r="C175" s="26"/>
      <c r="D175" s="26"/>
      <c r="E175" s="26"/>
      <c r="F175" s="26"/>
      <c r="G175" s="26"/>
      <c r="H175" s="26"/>
      <c r="I175" s="26"/>
      <c r="J175" s="26"/>
      <c r="K175" s="26"/>
      <c r="L175" s="26"/>
      <c r="M175" s="26"/>
      <c r="N175" s="26"/>
      <c r="O175" s="26"/>
      <c r="P175" s="26"/>
      <c r="Q175" s="26"/>
      <c r="R175" s="26"/>
      <c r="S175" s="26"/>
      <c r="T175" s="66"/>
      <c r="U175" s="66"/>
    </row>
    <row r="176" spans="2:21" ht="27.75">
      <c r="B176" s="26"/>
      <c r="C176" s="26"/>
      <c r="D176" s="26"/>
      <c r="E176" s="26"/>
      <c r="F176" s="26"/>
      <c r="G176" s="26"/>
      <c r="H176" s="26"/>
      <c r="I176" s="26"/>
      <c r="J176" s="26"/>
      <c r="K176" s="26"/>
      <c r="L176" s="26"/>
      <c r="M176" s="26"/>
      <c r="N176" s="26"/>
      <c r="O176" s="26"/>
      <c r="P176" s="26"/>
      <c r="Q176" s="26"/>
      <c r="R176" s="26"/>
      <c r="S176" s="26"/>
      <c r="T176" s="66"/>
      <c r="U176" s="66"/>
    </row>
    <row r="177" spans="2:21" ht="27.75">
      <c r="B177" s="26"/>
      <c r="C177" s="26"/>
      <c r="D177" s="26"/>
      <c r="E177" s="26"/>
      <c r="F177" s="26"/>
      <c r="G177" s="26"/>
      <c r="H177" s="26"/>
      <c r="I177" s="26"/>
      <c r="J177" s="26"/>
      <c r="K177" s="26"/>
      <c r="L177" s="26"/>
      <c r="M177" s="26"/>
      <c r="N177" s="26"/>
      <c r="O177" s="26"/>
      <c r="P177" s="26"/>
      <c r="Q177" s="26"/>
      <c r="R177" s="26"/>
      <c r="S177" s="26"/>
      <c r="T177" s="66"/>
      <c r="U177" s="66"/>
    </row>
    <row r="178" spans="2:21" ht="27.75">
      <c r="B178" s="26"/>
      <c r="C178" s="26"/>
      <c r="D178" s="26"/>
      <c r="E178" s="26"/>
      <c r="F178" s="26"/>
      <c r="G178" s="26"/>
      <c r="H178" s="26"/>
      <c r="I178" s="26"/>
      <c r="J178" s="26"/>
      <c r="K178" s="26"/>
      <c r="L178" s="26"/>
      <c r="M178" s="26"/>
      <c r="N178" s="26"/>
      <c r="O178" s="26"/>
      <c r="P178" s="26"/>
      <c r="Q178" s="26"/>
      <c r="R178" s="26"/>
      <c r="S178" s="26"/>
      <c r="T178" s="66"/>
      <c r="U178" s="66"/>
    </row>
    <row r="179" spans="2:21" ht="27.75">
      <c r="B179" s="26"/>
      <c r="C179" s="26"/>
      <c r="D179" s="26"/>
      <c r="E179" s="26"/>
      <c r="F179" s="26"/>
      <c r="G179" s="26"/>
      <c r="H179" s="26"/>
      <c r="I179" s="26"/>
      <c r="J179" s="26"/>
      <c r="K179" s="26"/>
      <c r="L179" s="26"/>
      <c r="M179" s="26"/>
      <c r="N179" s="26"/>
      <c r="O179" s="26"/>
      <c r="P179" s="26"/>
      <c r="Q179" s="26"/>
      <c r="R179" s="26"/>
      <c r="S179" s="26"/>
      <c r="T179" s="66"/>
      <c r="U179" s="66"/>
    </row>
    <row r="180" spans="2:21" ht="27.75">
      <c r="B180" s="26"/>
      <c r="C180" s="26"/>
      <c r="D180" s="26"/>
      <c r="E180" s="26"/>
      <c r="F180" s="26"/>
      <c r="G180" s="26"/>
      <c r="H180" s="26"/>
      <c r="I180" s="26"/>
      <c r="J180" s="26"/>
      <c r="K180" s="26"/>
      <c r="L180" s="26"/>
      <c r="M180" s="26"/>
      <c r="N180" s="26"/>
      <c r="O180" s="26"/>
      <c r="P180" s="26"/>
      <c r="Q180" s="26"/>
      <c r="R180" s="26"/>
      <c r="S180" s="26"/>
      <c r="T180" s="66"/>
      <c r="U180" s="66"/>
    </row>
    <row r="181" spans="2:21" ht="27.75">
      <c r="B181" s="26"/>
      <c r="C181" s="26"/>
      <c r="D181" s="26"/>
      <c r="E181" s="26"/>
      <c r="F181" s="26"/>
      <c r="G181" s="26"/>
      <c r="H181" s="26"/>
      <c r="I181" s="26"/>
      <c r="J181" s="26"/>
      <c r="K181" s="26"/>
      <c r="L181" s="26"/>
      <c r="M181" s="26"/>
      <c r="N181" s="26"/>
      <c r="O181" s="26"/>
      <c r="P181" s="26"/>
      <c r="Q181" s="26"/>
      <c r="R181" s="26"/>
      <c r="S181" s="26"/>
      <c r="T181" s="66"/>
      <c r="U181" s="66"/>
    </row>
    <row r="182" spans="2:21" ht="27.75">
      <c r="B182" s="26"/>
      <c r="C182" s="26"/>
      <c r="D182" s="26"/>
      <c r="E182" s="26"/>
      <c r="F182" s="26"/>
      <c r="G182" s="26"/>
      <c r="H182" s="26"/>
      <c r="I182" s="26"/>
      <c r="J182" s="26"/>
      <c r="K182" s="26"/>
      <c r="L182" s="26"/>
      <c r="M182" s="26"/>
      <c r="N182" s="26"/>
      <c r="O182" s="26"/>
      <c r="P182" s="26"/>
      <c r="Q182" s="26"/>
      <c r="R182" s="26"/>
      <c r="S182" s="26"/>
      <c r="T182" s="66"/>
      <c r="U182" s="66"/>
    </row>
    <row r="183" spans="2:21" ht="27.75">
      <c r="B183" s="26"/>
      <c r="C183" s="26"/>
      <c r="D183" s="26"/>
      <c r="E183" s="26"/>
      <c r="F183" s="26"/>
      <c r="G183" s="26"/>
      <c r="H183" s="26"/>
      <c r="I183" s="26"/>
      <c r="J183" s="26"/>
      <c r="K183" s="26"/>
      <c r="L183" s="26"/>
      <c r="M183" s="26"/>
      <c r="N183" s="26"/>
      <c r="O183" s="26"/>
      <c r="P183" s="26"/>
      <c r="Q183" s="26"/>
      <c r="R183" s="26"/>
      <c r="S183" s="26"/>
      <c r="T183" s="66"/>
      <c r="U183" s="66"/>
    </row>
    <row r="184" spans="2:21" ht="27.75">
      <c r="B184" s="26"/>
      <c r="C184" s="26"/>
      <c r="D184" s="26"/>
      <c r="E184" s="26"/>
      <c r="F184" s="26"/>
      <c r="G184" s="26"/>
      <c r="H184" s="26"/>
      <c r="I184" s="26"/>
      <c r="J184" s="26"/>
      <c r="K184" s="26"/>
      <c r="L184" s="26"/>
      <c r="M184" s="26"/>
      <c r="N184" s="26"/>
      <c r="O184" s="26"/>
      <c r="P184" s="26"/>
      <c r="Q184" s="26"/>
      <c r="R184" s="26"/>
      <c r="S184" s="26"/>
      <c r="T184" s="66"/>
      <c r="U184" s="66"/>
    </row>
    <row r="185" spans="2:21" ht="27.75">
      <c r="B185" s="26"/>
      <c r="C185" s="26"/>
      <c r="D185" s="26"/>
      <c r="E185" s="26"/>
      <c r="F185" s="26"/>
      <c r="G185" s="26"/>
      <c r="H185" s="26"/>
      <c r="I185" s="26"/>
      <c r="J185" s="26"/>
      <c r="K185" s="26"/>
      <c r="L185" s="26"/>
      <c r="M185" s="26"/>
      <c r="N185" s="26"/>
      <c r="O185" s="26"/>
      <c r="P185" s="26"/>
      <c r="Q185" s="26"/>
      <c r="R185" s="26"/>
      <c r="S185" s="26"/>
      <c r="T185" s="66"/>
      <c r="U185" s="66"/>
    </row>
    <row r="186" spans="2:21" ht="27.75">
      <c r="B186" s="26"/>
      <c r="C186" s="26"/>
      <c r="D186" s="26"/>
      <c r="E186" s="26"/>
      <c r="F186" s="26"/>
      <c r="G186" s="26"/>
      <c r="H186" s="26"/>
      <c r="I186" s="26"/>
      <c r="J186" s="26"/>
      <c r="K186" s="26"/>
      <c r="L186" s="26"/>
      <c r="M186" s="26"/>
      <c r="N186" s="26"/>
      <c r="O186" s="26"/>
      <c r="P186" s="26"/>
      <c r="Q186" s="26"/>
      <c r="R186" s="26"/>
      <c r="S186" s="26"/>
      <c r="T186" s="66"/>
      <c r="U186" s="66"/>
    </row>
    <row r="187" spans="2:21" ht="27.75">
      <c r="B187" s="26"/>
      <c r="C187" s="26"/>
      <c r="D187" s="26"/>
      <c r="E187" s="26"/>
      <c r="F187" s="26"/>
      <c r="G187" s="26"/>
      <c r="H187" s="26"/>
      <c r="I187" s="26"/>
      <c r="J187" s="26"/>
      <c r="K187" s="26"/>
      <c r="L187" s="26"/>
      <c r="M187" s="26"/>
      <c r="N187" s="26"/>
      <c r="O187" s="26"/>
      <c r="P187" s="26"/>
      <c r="Q187" s="26"/>
      <c r="R187" s="26"/>
      <c r="S187" s="26"/>
      <c r="T187" s="66"/>
      <c r="U187" s="66"/>
    </row>
    <row r="188" spans="2:21" ht="27.75">
      <c r="B188" s="26"/>
      <c r="C188" s="26"/>
      <c r="D188" s="26"/>
      <c r="E188" s="26"/>
      <c r="F188" s="26"/>
      <c r="G188" s="26"/>
      <c r="H188" s="26"/>
      <c r="I188" s="26"/>
      <c r="J188" s="26"/>
      <c r="K188" s="26"/>
      <c r="L188" s="26"/>
      <c r="M188" s="26"/>
      <c r="N188" s="26"/>
      <c r="O188" s="26"/>
      <c r="P188" s="26"/>
      <c r="Q188" s="26"/>
      <c r="R188" s="26"/>
      <c r="S188" s="26"/>
      <c r="T188" s="66"/>
      <c r="U188" s="66"/>
    </row>
    <row r="189" spans="2:21" ht="27.75">
      <c r="B189" s="26"/>
      <c r="C189" s="26"/>
      <c r="D189" s="26"/>
      <c r="E189" s="26"/>
      <c r="F189" s="26"/>
      <c r="G189" s="26"/>
      <c r="H189" s="26"/>
      <c r="I189" s="26"/>
      <c r="J189" s="26"/>
      <c r="K189" s="26"/>
      <c r="L189" s="26"/>
      <c r="M189" s="26"/>
      <c r="N189" s="26"/>
      <c r="O189" s="26"/>
      <c r="P189" s="26"/>
      <c r="Q189" s="26"/>
      <c r="R189" s="26"/>
      <c r="S189" s="26"/>
      <c r="T189" s="66"/>
      <c r="U189" s="66"/>
    </row>
    <row r="190" spans="2:21" ht="27.75">
      <c r="B190" s="26"/>
      <c r="C190" s="26"/>
      <c r="D190" s="26"/>
      <c r="E190" s="26"/>
      <c r="F190" s="26"/>
      <c r="G190" s="26"/>
      <c r="H190" s="26"/>
      <c r="I190" s="26"/>
      <c r="J190" s="26"/>
      <c r="K190" s="26"/>
      <c r="L190" s="26"/>
      <c r="M190" s="26"/>
      <c r="N190" s="26"/>
      <c r="O190" s="26"/>
      <c r="P190" s="26"/>
      <c r="Q190" s="26"/>
      <c r="R190" s="26"/>
      <c r="S190" s="26"/>
      <c r="T190" s="66"/>
      <c r="U190" s="66"/>
    </row>
    <row r="191" spans="2:21" ht="27.75">
      <c r="B191" s="26"/>
      <c r="C191" s="26"/>
      <c r="D191" s="26"/>
      <c r="E191" s="26"/>
      <c r="F191" s="26"/>
      <c r="G191" s="26"/>
      <c r="H191" s="26"/>
      <c r="I191" s="26"/>
      <c r="J191" s="26"/>
      <c r="K191" s="26"/>
      <c r="L191" s="26"/>
      <c r="M191" s="26"/>
      <c r="N191" s="26"/>
      <c r="O191" s="26"/>
      <c r="P191" s="26"/>
      <c r="Q191" s="26"/>
      <c r="R191" s="26"/>
      <c r="S191" s="26"/>
      <c r="T191" s="66"/>
      <c r="U191" s="66"/>
    </row>
    <row r="192" spans="2:21" ht="27.75">
      <c r="B192" s="26"/>
      <c r="C192" s="26"/>
      <c r="D192" s="26"/>
      <c r="E192" s="26"/>
      <c r="F192" s="26"/>
      <c r="G192" s="26"/>
      <c r="H192" s="26"/>
      <c r="I192" s="26"/>
      <c r="J192" s="26"/>
      <c r="K192" s="26"/>
      <c r="L192" s="26"/>
      <c r="M192" s="26"/>
      <c r="N192" s="26"/>
      <c r="O192" s="26"/>
      <c r="P192" s="26"/>
      <c r="Q192" s="26"/>
      <c r="R192" s="26"/>
      <c r="S192" s="26"/>
      <c r="T192" s="66"/>
      <c r="U192" s="66"/>
    </row>
    <row r="193" spans="2:21" ht="27.75">
      <c r="B193" s="26"/>
      <c r="C193" s="26"/>
      <c r="D193" s="26"/>
      <c r="E193" s="26"/>
      <c r="F193" s="26"/>
      <c r="G193" s="26"/>
      <c r="H193" s="26"/>
      <c r="I193" s="26"/>
      <c r="J193" s="26"/>
      <c r="K193" s="26"/>
      <c r="L193" s="26"/>
      <c r="M193" s="26"/>
      <c r="N193" s="26"/>
      <c r="O193" s="26"/>
      <c r="P193" s="26"/>
      <c r="Q193" s="26"/>
      <c r="R193" s="26"/>
      <c r="S193" s="26"/>
      <c r="T193" s="66"/>
      <c r="U193" s="66"/>
    </row>
    <row r="194" spans="2:21" ht="27.75">
      <c r="B194" s="26"/>
      <c r="C194" s="26"/>
      <c r="D194" s="26"/>
      <c r="E194" s="26"/>
      <c r="F194" s="26"/>
      <c r="G194" s="26"/>
      <c r="H194" s="26"/>
      <c r="I194" s="26"/>
      <c r="J194" s="26"/>
      <c r="K194" s="26"/>
      <c r="L194" s="26"/>
      <c r="M194" s="26"/>
      <c r="N194" s="26"/>
      <c r="O194" s="26"/>
      <c r="P194" s="26"/>
      <c r="Q194" s="26"/>
      <c r="R194" s="26"/>
      <c r="S194" s="26"/>
      <c r="T194" s="66"/>
      <c r="U194" s="66"/>
    </row>
    <row r="195" spans="2:21" ht="27.75">
      <c r="B195" s="26"/>
      <c r="C195" s="26"/>
      <c r="D195" s="26"/>
      <c r="E195" s="26"/>
      <c r="F195" s="26"/>
      <c r="G195" s="26"/>
      <c r="H195" s="26"/>
      <c r="I195" s="26"/>
      <c r="J195" s="26"/>
      <c r="K195" s="26"/>
      <c r="L195" s="26"/>
      <c r="M195" s="26"/>
      <c r="N195" s="26"/>
      <c r="O195" s="26"/>
      <c r="P195" s="26"/>
      <c r="Q195" s="26"/>
      <c r="R195" s="26"/>
      <c r="S195" s="26"/>
      <c r="T195" s="66"/>
      <c r="U195" s="66"/>
    </row>
    <row r="196" spans="2:21" ht="27.75">
      <c r="B196" s="26"/>
      <c r="C196" s="26"/>
      <c r="D196" s="26"/>
      <c r="E196" s="26"/>
      <c r="F196" s="26"/>
      <c r="G196" s="26"/>
      <c r="H196" s="26"/>
      <c r="I196" s="26"/>
      <c r="J196" s="26"/>
      <c r="K196" s="26"/>
      <c r="L196" s="26"/>
      <c r="M196" s="26"/>
      <c r="N196" s="26"/>
      <c r="O196" s="26"/>
      <c r="P196" s="26"/>
      <c r="Q196" s="26"/>
      <c r="R196" s="26"/>
      <c r="S196" s="26"/>
      <c r="T196" s="66"/>
      <c r="U196" s="66"/>
    </row>
    <row r="197" spans="2:21" ht="27.75">
      <c r="B197" s="26"/>
      <c r="C197" s="26"/>
      <c r="D197" s="26"/>
      <c r="E197" s="26"/>
      <c r="F197" s="26"/>
      <c r="G197" s="26"/>
      <c r="H197" s="26"/>
      <c r="I197" s="26"/>
      <c r="J197" s="26"/>
      <c r="K197" s="26"/>
      <c r="L197" s="26"/>
      <c r="M197" s="26"/>
      <c r="N197" s="26"/>
      <c r="O197" s="26"/>
      <c r="P197" s="26"/>
      <c r="Q197" s="26"/>
      <c r="R197" s="26"/>
      <c r="S197" s="26"/>
      <c r="T197" s="66"/>
      <c r="U197" s="66"/>
    </row>
    <row r="198" spans="2:21" ht="27.75">
      <c r="B198" s="26"/>
      <c r="C198" s="26"/>
      <c r="D198" s="26"/>
      <c r="E198" s="26"/>
      <c r="F198" s="26"/>
      <c r="G198" s="26"/>
      <c r="H198" s="26"/>
      <c r="I198" s="26"/>
      <c r="J198" s="26"/>
      <c r="K198" s="26"/>
      <c r="L198" s="26"/>
      <c r="M198" s="26"/>
      <c r="N198" s="26"/>
      <c r="O198" s="26"/>
      <c r="P198" s="26"/>
      <c r="Q198" s="26"/>
      <c r="R198" s="26"/>
      <c r="S198" s="26"/>
      <c r="T198" s="66"/>
      <c r="U198" s="66"/>
    </row>
    <row r="199" spans="2:21" ht="27.75">
      <c r="B199" s="26"/>
      <c r="C199" s="26"/>
      <c r="D199" s="26"/>
      <c r="E199" s="26"/>
      <c r="F199" s="26"/>
      <c r="G199" s="26"/>
      <c r="H199" s="26"/>
      <c r="I199" s="26"/>
      <c r="J199" s="26"/>
      <c r="K199" s="26"/>
      <c r="L199" s="26"/>
      <c r="M199" s="26"/>
      <c r="N199" s="26"/>
      <c r="O199" s="26"/>
      <c r="P199" s="26"/>
      <c r="Q199" s="26"/>
      <c r="R199" s="26"/>
      <c r="S199" s="26"/>
      <c r="T199" s="66"/>
      <c r="U199" s="66"/>
    </row>
    <row r="200" spans="2:21" ht="27.75">
      <c r="B200" s="26"/>
      <c r="C200" s="26"/>
      <c r="D200" s="26"/>
      <c r="E200" s="26"/>
      <c r="F200" s="26"/>
      <c r="G200" s="26"/>
      <c r="H200" s="26"/>
      <c r="I200" s="26"/>
      <c r="J200" s="26"/>
      <c r="K200" s="26"/>
      <c r="L200" s="26"/>
      <c r="M200" s="26"/>
      <c r="N200" s="26"/>
      <c r="O200" s="26"/>
      <c r="P200" s="26"/>
      <c r="Q200" s="26"/>
      <c r="R200" s="26"/>
      <c r="S200" s="26"/>
      <c r="T200" s="66"/>
      <c r="U200" s="66"/>
    </row>
    <row r="201" spans="2:21" ht="27.75">
      <c r="B201" s="26"/>
      <c r="C201" s="26"/>
      <c r="D201" s="26"/>
      <c r="E201" s="26"/>
      <c r="F201" s="26"/>
      <c r="G201" s="26"/>
      <c r="H201" s="26"/>
      <c r="I201" s="26"/>
      <c r="J201" s="26"/>
      <c r="K201" s="26"/>
      <c r="L201" s="26"/>
      <c r="M201" s="26"/>
      <c r="N201" s="26"/>
      <c r="O201" s="26"/>
      <c r="P201" s="26"/>
      <c r="Q201" s="26"/>
      <c r="R201" s="26"/>
      <c r="S201" s="26"/>
      <c r="T201" s="66"/>
      <c r="U201" s="66"/>
    </row>
    <row r="202" spans="2:21" ht="27.75">
      <c r="B202" s="26"/>
      <c r="C202" s="26"/>
      <c r="D202" s="26"/>
      <c r="E202" s="26"/>
      <c r="F202" s="26"/>
      <c r="G202" s="26"/>
      <c r="H202" s="26"/>
      <c r="I202" s="26"/>
      <c r="J202" s="26"/>
      <c r="K202" s="26"/>
      <c r="L202" s="26"/>
      <c r="M202" s="26"/>
      <c r="N202" s="26"/>
      <c r="O202" s="26"/>
      <c r="P202" s="26"/>
      <c r="Q202" s="26"/>
      <c r="R202" s="26"/>
      <c r="S202" s="26"/>
      <c r="T202" s="66"/>
      <c r="U202" s="66"/>
    </row>
    <row r="203" spans="2:21" ht="27.75">
      <c r="B203" s="26"/>
      <c r="C203" s="26"/>
      <c r="D203" s="26"/>
      <c r="E203" s="26"/>
      <c r="F203" s="26"/>
      <c r="G203" s="26"/>
      <c r="H203" s="26"/>
      <c r="I203" s="26"/>
      <c r="J203" s="26"/>
      <c r="K203" s="26"/>
      <c r="L203" s="26"/>
      <c r="M203" s="26"/>
      <c r="N203" s="26"/>
      <c r="O203" s="26"/>
      <c r="P203" s="26"/>
      <c r="Q203" s="26"/>
      <c r="R203" s="26"/>
      <c r="S203" s="26"/>
      <c r="T203" s="66"/>
      <c r="U203" s="66"/>
    </row>
  </sheetData>
  <mergeCells count="276">
    <mergeCell ref="N10:R10"/>
    <mergeCell ref="T10:U10"/>
    <mergeCell ref="B14:C14"/>
    <mergeCell ref="F14:G14"/>
    <mergeCell ref="J14:K14"/>
    <mergeCell ref="N14:O14"/>
    <mergeCell ref="B24:D25"/>
    <mergeCell ref="E24:G25"/>
    <mergeCell ref="H24:J25"/>
    <mergeCell ref="K24:M25"/>
    <mergeCell ref="N24:P25"/>
    <mergeCell ref="Q24:S25"/>
    <mergeCell ref="B84:F84"/>
    <mergeCell ref="G84:K84"/>
    <mergeCell ref="L84:P84"/>
    <mergeCell ref="Q84:U84"/>
    <mergeCell ref="A20:V20"/>
    <mergeCell ref="B21:D21"/>
    <mergeCell ref="E21:G21"/>
    <mergeCell ref="H21:J21"/>
    <mergeCell ref="K21:M21"/>
    <mergeCell ref="N21:P21"/>
    <mergeCell ref="Q21:S21"/>
    <mergeCell ref="T21:V21"/>
    <mergeCell ref="B72:F72"/>
    <mergeCell ref="I72:M72"/>
    <mergeCell ref="P72:U72"/>
    <mergeCell ref="A23:A24"/>
    <mergeCell ref="A25:A26"/>
    <mergeCell ref="N26:P27"/>
    <mergeCell ref="Q26:S27"/>
    <mergeCell ref="T26:V27"/>
    <mergeCell ref="A27:A28"/>
    <mergeCell ref="B28:D29"/>
    <mergeCell ref="E28:G29"/>
    <mergeCell ref="H28:J29"/>
    <mergeCell ref="T24:V25"/>
    <mergeCell ref="B26:D27"/>
    <mergeCell ref="E26:G27"/>
    <mergeCell ref="H26:J27"/>
    <mergeCell ref="K26:M27"/>
    <mergeCell ref="T1:T2"/>
    <mergeCell ref="U1:V2"/>
    <mergeCell ref="M16:V17"/>
    <mergeCell ref="B22:D23"/>
    <mergeCell ref="E22:G23"/>
    <mergeCell ref="H22:J23"/>
    <mergeCell ref="K22:M23"/>
    <mergeCell ref="N22:P23"/>
    <mergeCell ref="Q22:S23"/>
    <mergeCell ref="T22:V23"/>
    <mergeCell ref="A6:G6"/>
    <mergeCell ref="H6:I6"/>
    <mergeCell ref="O6:Q6"/>
    <mergeCell ref="R6:V6"/>
    <mergeCell ref="A7:G7"/>
    <mergeCell ref="H7:I7"/>
    <mergeCell ref="O7:Q7"/>
    <mergeCell ref="R7:V7"/>
    <mergeCell ref="L9:M9"/>
    <mergeCell ref="R9:S9"/>
    <mergeCell ref="E2:Q2"/>
    <mergeCell ref="A4:G4"/>
    <mergeCell ref="H4:N4"/>
    <mergeCell ref="O4:Q4"/>
    <mergeCell ref="A29:A30"/>
    <mergeCell ref="B30:D31"/>
    <mergeCell ref="E30:G31"/>
    <mergeCell ref="H30:J31"/>
    <mergeCell ref="K30:M31"/>
    <mergeCell ref="N30:P31"/>
    <mergeCell ref="Q30:S31"/>
    <mergeCell ref="R4:V4"/>
    <mergeCell ref="A5:G5"/>
    <mergeCell ref="H5:I5"/>
    <mergeCell ref="O5:Q5"/>
    <mergeCell ref="R5:V5"/>
    <mergeCell ref="K28:M29"/>
    <mergeCell ref="N28:P29"/>
    <mergeCell ref="Q28:S29"/>
    <mergeCell ref="T28:V29"/>
    <mergeCell ref="C10:E10"/>
    <mergeCell ref="F10:I10"/>
    <mergeCell ref="J10:M10"/>
    <mergeCell ref="T30:V31"/>
    <mergeCell ref="A31:A32"/>
    <mergeCell ref="B32:D33"/>
    <mergeCell ref="E32:G33"/>
    <mergeCell ref="H32:J33"/>
    <mergeCell ref="K32:M33"/>
    <mergeCell ref="N32:P33"/>
    <mergeCell ref="Q32:S33"/>
    <mergeCell ref="T32:V33"/>
    <mergeCell ref="A33:A34"/>
    <mergeCell ref="B34:D35"/>
    <mergeCell ref="E34:G35"/>
    <mergeCell ref="H34:J35"/>
    <mergeCell ref="K34:M35"/>
    <mergeCell ref="N34:P35"/>
    <mergeCell ref="Q34:S35"/>
    <mergeCell ref="T34:V35"/>
    <mergeCell ref="A35:A36"/>
    <mergeCell ref="B36:D37"/>
    <mergeCell ref="E36:G37"/>
    <mergeCell ref="H36:J37"/>
    <mergeCell ref="K36:M37"/>
    <mergeCell ref="N36:P37"/>
    <mergeCell ref="Q36:S37"/>
    <mergeCell ref="T36:V37"/>
    <mergeCell ref="A37:A38"/>
    <mergeCell ref="B38:D39"/>
    <mergeCell ref="E38:G39"/>
    <mergeCell ref="H38:J39"/>
    <mergeCell ref="K38:M39"/>
    <mergeCell ref="N38:P39"/>
    <mergeCell ref="Q38:S39"/>
    <mergeCell ref="T38:V39"/>
    <mergeCell ref="A39:A40"/>
    <mergeCell ref="B40:D41"/>
    <mergeCell ref="E40:G41"/>
    <mergeCell ref="H40:J41"/>
    <mergeCell ref="K40:M41"/>
    <mergeCell ref="N40:P41"/>
    <mergeCell ref="Q40:S41"/>
    <mergeCell ref="T40:V41"/>
    <mergeCell ref="A41:A42"/>
    <mergeCell ref="B42:D43"/>
    <mergeCell ref="E42:G43"/>
    <mergeCell ref="H42:J43"/>
    <mergeCell ref="K42:M43"/>
    <mergeCell ref="N42:P43"/>
    <mergeCell ref="Q42:S43"/>
    <mergeCell ref="T42:V43"/>
    <mergeCell ref="A43:A44"/>
    <mergeCell ref="B44:D45"/>
    <mergeCell ref="E44:G45"/>
    <mergeCell ref="H44:J45"/>
    <mergeCell ref="K44:M45"/>
    <mergeCell ref="N44:P45"/>
    <mergeCell ref="Q44:S45"/>
    <mergeCell ref="T44:V45"/>
    <mergeCell ref="A45:A46"/>
    <mergeCell ref="B46:D47"/>
    <mergeCell ref="E46:G47"/>
    <mergeCell ref="H46:J47"/>
    <mergeCell ref="K46:M47"/>
    <mergeCell ref="N46:P47"/>
    <mergeCell ref="Q46:S47"/>
    <mergeCell ref="T46:V47"/>
    <mergeCell ref="A47:A48"/>
    <mergeCell ref="B48:D49"/>
    <mergeCell ref="E48:G49"/>
    <mergeCell ref="H48:J49"/>
    <mergeCell ref="K48:M49"/>
    <mergeCell ref="N48:P49"/>
    <mergeCell ref="Q48:S49"/>
    <mergeCell ref="T48:V49"/>
    <mergeCell ref="A49:A50"/>
    <mergeCell ref="B50:D51"/>
    <mergeCell ref="E50:G51"/>
    <mergeCell ref="H50:J51"/>
    <mergeCell ref="K50:M51"/>
    <mergeCell ref="N50:P51"/>
    <mergeCell ref="Q50:S51"/>
    <mergeCell ref="T50:V51"/>
    <mergeCell ref="A51:A52"/>
    <mergeCell ref="B52:D53"/>
    <mergeCell ref="E52:G53"/>
    <mergeCell ref="H52:J53"/>
    <mergeCell ref="K52:M53"/>
    <mergeCell ref="N52:P53"/>
    <mergeCell ref="Q52:S53"/>
    <mergeCell ref="T52:V53"/>
    <mergeCell ref="A53:A54"/>
    <mergeCell ref="B54:D55"/>
    <mergeCell ref="E54:G55"/>
    <mergeCell ref="H54:J55"/>
    <mergeCell ref="K54:M55"/>
    <mergeCell ref="N54:P55"/>
    <mergeCell ref="Q54:S55"/>
    <mergeCell ref="T54:V55"/>
    <mergeCell ref="A55:A56"/>
    <mergeCell ref="B56:D57"/>
    <mergeCell ref="E56:G57"/>
    <mergeCell ref="H56:J57"/>
    <mergeCell ref="K56:M57"/>
    <mergeCell ref="N56:P57"/>
    <mergeCell ref="Q56:S57"/>
    <mergeCell ref="T56:V57"/>
    <mergeCell ref="A57:A58"/>
    <mergeCell ref="B58:D59"/>
    <mergeCell ref="E58:G59"/>
    <mergeCell ref="H58:J59"/>
    <mergeCell ref="K58:M59"/>
    <mergeCell ref="N58:P59"/>
    <mergeCell ref="Q58:S59"/>
    <mergeCell ref="T58:V59"/>
    <mergeCell ref="A59:A60"/>
    <mergeCell ref="B60:D61"/>
    <mergeCell ref="E60:G61"/>
    <mergeCell ref="H60:J61"/>
    <mergeCell ref="K60:M61"/>
    <mergeCell ref="N60:P61"/>
    <mergeCell ref="Q60:S61"/>
    <mergeCell ref="T60:V61"/>
    <mergeCell ref="A61:A62"/>
    <mergeCell ref="B62:D63"/>
    <mergeCell ref="E62:G63"/>
    <mergeCell ref="H62:J63"/>
    <mergeCell ref="K62:M63"/>
    <mergeCell ref="N62:P63"/>
    <mergeCell ref="Q62:S63"/>
    <mergeCell ref="T62:V63"/>
    <mergeCell ref="A63:A64"/>
    <mergeCell ref="B64:D65"/>
    <mergeCell ref="E64:G65"/>
    <mergeCell ref="H64:J65"/>
    <mergeCell ref="K64:M65"/>
    <mergeCell ref="N64:P65"/>
    <mergeCell ref="Q64:S65"/>
    <mergeCell ref="T64:V65"/>
    <mergeCell ref="A65:A66"/>
    <mergeCell ref="B66:D67"/>
    <mergeCell ref="E66:G67"/>
    <mergeCell ref="H66:J67"/>
    <mergeCell ref="K66:M67"/>
    <mergeCell ref="N66:P67"/>
    <mergeCell ref="Q66:S67"/>
    <mergeCell ref="T66:V67"/>
    <mergeCell ref="A67:A68"/>
    <mergeCell ref="B68:D69"/>
    <mergeCell ref="E68:G69"/>
    <mergeCell ref="H68:J69"/>
    <mergeCell ref="K68:M69"/>
    <mergeCell ref="N68:P69"/>
    <mergeCell ref="Q68:S69"/>
    <mergeCell ref="T68:V69"/>
    <mergeCell ref="A69:A70"/>
    <mergeCell ref="H72:H74"/>
    <mergeCell ref="O72:O74"/>
    <mergeCell ref="B73:F74"/>
    <mergeCell ref="G73:G74"/>
    <mergeCell ref="I73:M74"/>
    <mergeCell ref="N73:N74"/>
    <mergeCell ref="P73:U74"/>
    <mergeCell ref="B80:F83"/>
    <mergeCell ref="G80:K83"/>
    <mergeCell ref="L80:P83"/>
    <mergeCell ref="Q80:U83"/>
    <mergeCell ref="B78:U78"/>
    <mergeCell ref="B79:F79"/>
    <mergeCell ref="G79:K79"/>
    <mergeCell ref="L79:P79"/>
    <mergeCell ref="Q79:U79"/>
    <mergeCell ref="B107:U157"/>
    <mergeCell ref="B85:F88"/>
    <mergeCell ref="G85:K88"/>
    <mergeCell ref="L85:P88"/>
    <mergeCell ref="Q85:U88"/>
    <mergeCell ref="B90:F93"/>
    <mergeCell ref="G90:K93"/>
    <mergeCell ref="L90:P93"/>
    <mergeCell ref="Q90:U93"/>
    <mergeCell ref="B105:U106"/>
    <mergeCell ref="B101:C101"/>
    <mergeCell ref="B102:C102"/>
    <mergeCell ref="B103:C103"/>
    <mergeCell ref="B89:F89"/>
    <mergeCell ref="G89:K89"/>
    <mergeCell ref="L89:P89"/>
    <mergeCell ref="Q89:U89"/>
    <mergeCell ref="A95:V95"/>
    <mergeCell ref="T96:V96"/>
    <mergeCell ref="B99:C99"/>
    <mergeCell ref="B100:C100"/>
    <mergeCell ref="D100:N100"/>
  </mergeCells>
  <phoneticPr fontId="1"/>
  <conditionalFormatting sqref="T10:U10">
    <cfRule type="expression" dxfId="0" priority="1">
      <formula>$N$10="その他"</formula>
    </cfRule>
  </conditionalFormatting>
  <dataValidations count="2">
    <dataValidation imeMode="off" allowBlank="1" showInputMessage="1" showErrorMessage="1" sqref="J5:J8 I73:M76 N5:O8 L5:L8 C73:F76 B73:B75" xr:uid="{00000000-0002-0000-0000-000000000000}"/>
    <dataValidation imeMode="hiragana" allowBlank="1" showInputMessage="1" showErrorMessage="1" sqref="A5:G8 R5:R8 C10 F10:J10 N68 B90:U93 B80:U83 B85:U88 B22 E22 B24 H22 K22 N22 Q22 T22 T24 H24 E24 K24 N24 Q24 Q38 B26 B28 B30 B32 B34 B36 B38 T26 T28 T30 T32 T34 T36 T38 H26 H28 H30 H32 H34 H36 H38 E26 E28 E30 E32 E34 E36 E38 K26 K28 K30 K32 K34 K36 K38 N26 N28 N30 N32 N34 N36 N38 Q26 Q28 Q30 Q32 Q34 Q36 Q66 Q44 Q50 Q56 Q62 B40 B46 B52 B58 B64 B42 B48 B54 B60 B66 B44 B50 B56 B62 T40 T46 T52 T58 T64 T42 T48 T54 T60 T66 T44 T50 T56 T62 H40 H46 H52 H58 H64 H42 H48 H54 H60 H66 H44 H50 H56 H62 E40 E46 E52 E58 E64 E42 E48 E54 E60 E66 E44 E50 E56 E62 K40 K46 K52 K58 K64 K42 K48 K54 K60 K66 K44 K50 K56 K62 N40 N46 N52 N58 N64 N42 N48 N54 N60 N66 N44 N50 N56 N62 Q40 Q46 Q52 Q58 Q64 Q42 Q48 Q54 Q60 Q68 B68 T68 H68 E68 K68 T10:V10" xr:uid="{00000000-0002-0000-0000-000001000000}"/>
  </dataValidations>
  <printOptions horizontalCentered="1" verticalCentered="1"/>
  <pageMargins left="0.51181102362204722" right="0.51181102362204722" top="0.35433070866141736" bottom="0.35433070866141736" header="0.31496062992125984" footer="0.31496062992125984"/>
  <pageSetup paperSize="9" scale="48" orientation="portrait" r:id="rId1"/>
  <rowBreaks count="1" manualBreakCount="1">
    <brk id="96" max="21" man="1"/>
  </rowBreaks>
  <colBreaks count="1" manualBreakCount="1">
    <brk id="22" max="1048575" man="1"/>
  </colBreaks>
  <drawing r:id="rId2"/>
  <extLst>
    <ext xmlns:x14="http://schemas.microsoft.com/office/spreadsheetml/2009/9/main" uri="{CCE6A557-97BC-4b89-ADB6-D9C93CAAB3DF}">
      <x14:dataValidations xmlns:xm="http://schemas.microsoft.com/office/excel/2006/main" count="8">
        <x14:dataValidation type="list" imeMode="off" allowBlank="1" showInputMessage="1" showErrorMessage="1" xr:uid="{00000000-0002-0000-0000-000002000000}">
          <x14:formula1>
            <xm:f>プルダウンリスト!$E$2:$E$32</xm:f>
          </x14:formula1>
          <xm:sqref>M5:M8</xm:sqref>
        </x14:dataValidation>
        <x14:dataValidation type="list" imeMode="off" allowBlank="1" showInputMessage="1" showErrorMessage="1" xr:uid="{00000000-0002-0000-0000-000003000000}">
          <x14:formula1>
            <xm:f>プルダウンリスト!$D$2:$D$13</xm:f>
          </x14:formula1>
          <xm:sqref>K5:K8</xm:sqref>
        </x14:dataValidation>
        <x14:dataValidation type="list" allowBlank="1" showInputMessage="1" showErrorMessage="1" xr:uid="{00000000-0002-0000-0000-000004000000}">
          <x14:formula1>
            <xm:f>プルダウンリスト!$C$2:$C$3</xm:f>
          </x14:formula1>
          <xm:sqref>N9</xm:sqref>
        </x14:dataValidation>
        <x14:dataValidation type="list" allowBlank="1" showInputMessage="1" showErrorMessage="1" xr:uid="{00000000-0002-0000-0000-000005000000}">
          <x14:formula1>
            <xm:f>プルダウンリスト!$D$2:$D$13</xm:f>
          </x14:formula1>
          <xm:sqref>P9</xm:sqref>
        </x14:dataValidation>
        <x14:dataValidation type="list" allowBlank="1" showInputMessage="1" showErrorMessage="1" xr:uid="{00000000-0002-0000-0000-000006000000}">
          <x14:formula1>
            <xm:f>プルダウンリスト!$E$2:$E$32</xm:f>
          </x14:formula1>
          <xm:sqref>R9:S9</xm:sqref>
        </x14:dataValidation>
        <x14:dataValidation type="list" imeMode="hiragana" allowBlank="1" showInputMessage="1" showErrorMessage="1" xr:uid="{00000000-0002-0000-0000-000007000000}">
          <x14:formula1>
            <xm:f>プルダウンリスト!$J$2:$J$3</xm:f>
          </x14:formula1>
          <xm:sqref>A14 B76 E14 I14 M14 A16:A17</xm:sqref>
        </x14:dataValidation>
        <x14:dataValidation type="list" imeMode="hiragana" allowBlank="1" showInputMessage="1" showErrorMessage="1" xr:uid="{00000000-0002-0000-0000-000008000000}">
          <x14:formula1>
            <xm:f>プルダウンリスト!$F$2:$I$2</xm:f>
          </x14:formula1>
          <xm:sqref>N10:R10</xm:sqref>
        </x14:dataValidation>
        <x14:dataValidation type="list" allowBlank="1" showInputMessage="1" showErrorMessage="1" xr:uid="{00000000-0002-0000-0000-000009000000}">
          <x14:formula1>
            <xm:f>プルダウンリスト!$B$2:$B$11</xm:f>
          </x14:formula1>
          <xm:sqref>H5:I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1:M32"/>
  <sheetViews>
    <sheetView workbookViewId="0">
      <selection activeCell="B12" sqref="B12"/>
    </sheetView>
  </sheetViews>
  <sheetFormatPr defaultRowHeight="18.75"/>
  <cols>
    <col min="1" max="1" width="9" style="76" customWidth="1"/>
    <col min="2" max="16384" width="9" style="76"/>
  </cols>
  <sheetData>
    <row r="1" spans="2:13">
      <c r="B1" s="77" t="s">
        <v>0</v>
      </c>
      <c r="C1" s="77" t="s">
        <v>5</v>
      </c>
      <c r="D1" s="77" t="s">
        <v>48</v>
      </c>
      <c r="E1" s="77" t="s">
        <v>49</v>
      </c>
      <c r="F1" s="145" t="s">
        <v>42</v>
      </c>
      <c r="G1" s="145"/>
      <c r="H1" s="145"/>
      <c r="I1" s="146"/>
      <c r="J1" s="78" t="s">
        <v>50</v>
      </c>
      <c r="L1" s="81"/>
      <c r="M1" s="81"/>
    </row>
    <row r="2" spans="2:13">
      <c r="B2" s="78" t="s">
        <v>76</v>
      </c>
      <c r="C2" s="78">
        <v>8</v>
      </c>
      <c r="D2" s="78">
        <v>1</v>
      </c>
      <c r="E2" s="78">
        <v>1</v>
      </c>
      <c r="F2" s="80" t="s">
        <v>57</v>
      </c>
      <c r="G2" s="78" t="s">
        <v>53</v>
      </c>
      <c r="H2" s="78" t="s">
        <v>54</v>
      </c>
      <c r="I2" s="82" t="s">
        <v>56</v>
      </c>
      <c r="J2" s="78" t="s">
        <v>13</v>
      </c>
      <c r="L2" s="81"/>
      <c r="M2" s="81"/>
    </row>
    <row r="3" spans="2:13">
      <c r="B3" s="78" t="s">
        <v>46</v>
      </c>
      <c r="C3" s="78">
        <v>9</v>
      </c>
      <c r="D3" s="78">
        <v>2</v>
      </c>
      <c r="E3" s="78">
        <v>2</v>
      </c>
      <c r="F3" s="81"/>
      <c r="G3" s="81"/>
      <c r="H3" s="81"/>
      <c r="I3" s="81"/>
      <c r="J3" s="78" t="s">
        <v>51</v>
      </c>
      <c r="L3" s="81"/>
      <c r="M3" s="81"/>
    </row>
    <row r="4" spans="2:13">
      <c r="B4" s="78" t="s">
        <v>40</v>
      </c>
      <c r="C4" s="79"/>
      <c r="D4" s="78">
        <v>3</v>
      </c>
      <c r="E4" s="78">
        <v>3</v>
      </c>
      <c r="F4" s="81"/>
      <c r="G4" s="81"/>
      <c r="H4" s="81"/>
      <c r="I4" s="81"/>
    </row>
    <row r="5" spans="2:13">
      <c r="B5" s="78" t="s">
        <v>43</v>
      </c>
      <c r="C5" s="79"/>
      <c r="D5" s="78">
        <v>4</v>
      </c>
      <c r="E5" s="78">
        <v>4</v>
      </c>
      <c r="F5" s="81"/>
      <c r="G5" s="81"/>
      <c r="H5" s="81"/>
      <c r="I5" s="81"/>
    </row>
    <row r="6" spans="2:13">
      <c r="B6" s="78" t="s">
        <v>65</v>
      </c>
      <c r="C6" s="79"/>
      <c r="D6" s="78">
        <v>5</v>
      </c>
      <c r="E6" s="78">
        <v>5</v>
      </c>
      <c r="F6" s="81"/>
      <c r="G6" s="81"/>
      <c r="H6" s="81"/>
      <c r="I6" s="81"/>
    </row>
    <row r="7" spans="2:13">
      <c r="B7" s="78" t="s">
        <v>12</v>
      </c>
      <c r="C7" s="79"/>
      <c r="D7" s="78">
        <v>6</v>
      </c>
      <c r="E7" s="78">
        <v>6</v>
      </c>
      <c r="F7" s="81"/>
      <c r="G7" s="81"/>
      <c r="H7" s="81"/>
      <c r="I7" s="81"/>
    </row>
    <row r="8" spans="2:13">
      <c r="B8" s="78" t="s">
        <v>66</v>
      </c>
      <c r="C8" s="79"/>
      <c r="D8" s="78">
        <v>7</v>
      </c>
      <c r="E8" s="78">
        <v>7</v>
      </c>
      <c r="F8" s="81"/>
      <c r="G8" s="81"/>
      <c r="H8" s="81"/>
      <c r="I8" s="81"/>
    </row>
    <row r="9" spans="2:13">
      <c r="B9" s="78" t="s">
        <v>75</v>
      </c>
      <c r="C9" s="79"/>
      <c r="D9" s="78">
        <v>8</v>
      </c>
      <c r="E9" s="78">
        <v>8</v>
      </c>
      <c r="F9" s="81"/>
    </row>
    <row r="10" spans="2:13">
      <c r="B10" s="78" t="s">
        <v>77</v>
      </c>
      <c r="C10" s="79"/>
      <c r="D10" s="78">
        <v>9</v>
      </c>
      <c r="E10" s="78">
        <v>9</v>
      </c>
      <c r="F10" s="81"/>
    </row>
    <row r="11" spans="2:13">
      <c r="B11" s="78" t="s">
        <v>84</v>
      </c>
      <c r="C11" s="79"/>
      <c r="D11" s="78">
        <v>10</v>
      </c>
      <c r="E11" s="78">
        <v>10</v>
      </c>
      <c r="F11" s="81"/>
    </row>
    <row r="12" spans="2:13">
      <c r="D12" s="78">
        <v>11</v>
      </c>
      <c r="E12" s="78">
        <v>11</v>
      </c>
      <c r="F12" s="81"/>
    </row>
    <row r="13" spans="2:13">
      <c r="D13" s="78">
        <v>12</v>
      </c>
      <c r="E13" s="78">
        <v>12</v>
      </c>
      <c r="F13" s="81"/>
    </row>
    <row r="14" spans="2:13">
      <c r="D14" s="79"/>
      <c r="E14" s="78">
        <v>13</v>
      </c>
      <c r="F14" s="81"/>
    </row>
    <row r="15" spans="2:13">
      <c r="D15" s="79"/>
      <c r="E15" s="78">
        <v>14</v>
      </c>
      <c r="F15" s="81"/>
    </row>
    <row r="16" spans="2:13">
      <c r="D16" s="79"/>
      <c r="E16" s="78">
        <v>15</v>
      </c>
      <c r="F16" s="81"/>
    </row>
    <row r="17" spans="4:6">
      <c r="D17" s="79"/>
      <c r="E17" s="78">
        <v>16</v>
      </c>
      <c r="F17" s="81"/>
    </row>
    <row r="18" spans="4:6">
      <c r="D18" s="79"/>
      <c r="E18" s="78">
        <v>17</v>
      </c>
      <c r="F18" s="81"/>
    </row>
    <row r="19" spans="4:6">
      <c r="D19" s="79"/>
      <c r="E19" s="78">
        <v>18</v>
      </c>
      <c r="F19" s="81"/>
    </row>
    <row r="20" spans="4:6">
      <c r="D20" s="79"/>
      <c r="E20" s="78">
        <v>19</v>
      </c>
      <c r="F20" s="81"/>
    </row>
    <row r="21" spans="4:6">
      <c r="D21" s="79"/>
      <c r="E21" s="78">
        <v>20</v>
      </c>
      <c r="F21" s="81"/>
    </row>
    <row r="22" spans="4:6">
      <c r="D22" s="79"/>
      <c r="E22" s="78">
        <v>21</v>
      </c>
      <c r="F22" s="81"/>
    </row>
    <row r="23" spans="4:6">
      <c r="D23" s="79"/>
      <c r="E23" s="78">
        <v>22</v>
      </c>
      <c r="F23" s="81"/>
    </row>
    <row r="24" spans="4:6">
      <c r="D24" s="79"/>
      <c r="E24" s="78">
        <v>23</v>
      </c>
      <c r="F24" s="81"/>
    </row>
    <row r="25" spans="4:6">
      <c r="D25" s="79"/>
      <c r="E25" s="78">
        <v>24</v>
      </c>
      <c r="F25" s="81"/>
    </row>
    <row r="26" spans="4:6">
      <c r="D26" s="79"/>
      <c r="E26" s="78">
        <v>25</v>
      </c>
      <c r="F26" s="81"/>
    </row>
    <row r="27" spans="4:6">
      <c r="D27" s="79"/>
      <c r="E27" s="78">
        <v>26</v>
      </c>
      <c r="F27" s="81"/>
    </row>
    <row r="28" spans="4:6">
      <c r="D28" s="79"/>
      <c r="E28" s="78">
        <v>27</v>
      </c>
      <c r="F28" s="81"/>
    </row>
    <row r="29" spans="4:6">
      <c r="D29" s="79"/>
      <c r="E29" s="78">
        <v>28</v>
      </c>
      <c r="F29" s="81"/>
    </row>
    <row r="30" spans="4:6">
      <c r="D30" s="79"/>
      <c r="E30" s="78">
        <v>29</v>
      </c>
      <c r="F30" s="81"/>
    </row>
    <row r="31" spans="4:6">
      <c r="D31" s="79"/>
      <c r="E31" s="78">
        <v>30</v>
      </c>
      <c r="F31" s="81"/>
    </row>
    <row r="32" spans="4:6">
      <c r="D32" s="79"/>
      <c r="E32" s="78">
        <v>31</v>
      </c>
      <c r="F32" s="81"/>
    </row>
  </sheetData>
  <mergeCells count="1">
    <mergeCell ref="F1:I1"/>
  </mergeCells>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 </vt:lpstr>
      <vt:lpstr>プルダウンリスト</vt:lpstr>
      <vt:lpstr>'様式 '!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森　彩奈</cp:lastModifiedBy>
  <cp:lastPrinted>2025-08-01T06:20:48Z</cp:lastPrinted>
  <dcterms:created xsi:type="dcterms:W3CDTF">2023-09-19T08:26:38Z</dcterms:created>
  <dcterms:modified xsi:type="dcterms:W3CDTF">2026-03-30T06:36:33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10-03T05:33:55Z</vt:filetime>
  </property>
</Properties>
</file>